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xl/persons/person.xml" ContentType="application/vnd.ms-excel.person+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2. Danka\10. Katerizačný systém pre náhradu aortálnej chlopne\"/>
    </mc:Choice>
  </mc:AlternateContent>
  <bookViews>
    <workbookView xWindow="-105" yWindow="-105" windowWidth="19425" windowHeight="10305" firstSheet="1" activeTab="1"/>
  </bookViews>
  <sheets>
    <sheet name="hárok " sheetId="10" r:id="rId1"/>
    <sheet name="PTK - Ponuka" sheetId="8" r:id="rId2"/>
  </sheets>
  <definedNames>
    <definedName name="_xlnm.Print_Area" localSheetId="1">'PTK - Ponuka'!$A$1:$E$14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34" i="8" l="1"/>
</calcChain>
</file>

<file path=xl/sharedStrings.xml><?xml version="1.0" encoding="utf-8"?>
<sst xmlns="http://schemas.openxmlformats.org/spreadsheetml/2006/main" count="213" uniqueCount="198">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5. ZMLUVNÉ PODMIENKY PREDMETU ZÁKAZKY</t>
  </si>
  <si>
    <t>Minimálne zmluvné podmienky predmetu zákazky:</t>
  </si>
  <si>
    <t>Položka číslo</t>
  </si>
  <si>
    <t>Položka č. 1</t>
  </si>
  <si>
    <t>Položka č. 2</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 xml:space="preserve">1. </t>
  </si>
  <si>
    <t>xxx</t>
  </si>
  <si>
    <t xml:space="preserve">Požadovaný počet MJ na obdobie 36 mesiacov
</t>
  </si>
  <si>
    <t>33140000-3 Zdravotnícky spotrebný materiál</t>
  </si>
  <si>
    <t>33182220-7 Srdcové chlopne</t>
  </si>
  <si>
    <t>33184300-6 Umelé časti srdca</t>
  </si>
  <si>
    <t>Áno</t>
  </si>
  <si>
    <t>Katetrizačný systém pre náhradu aortálnej chlopne bioprotézou s osobitným zreteľom na samoexpandovateľnú nitinolovú bioprotézu s príslušenstvom vrátane poskytovania služieb</t>
  </si>
  <si>
    <t>Katetrizačný systém pre náhradu aortálnej chlopne bioprotézou s osobitným zreteľom na samoexpandovateľnú nitinolovú bioprotézu s príslušenstvom vrátane poskytovania služieb.</t>
  </si>
  <si>
    <t>Položka č. 3</t>
  </si>
  <si>
    <t>Vodiaci drôt</t>
  </si>
  <si>
    <t>60000000-8 Dopravné služby (bez prepravy odpadu)</t>
  </si>
  <si>
    <t xml:space="preserve">Názov položky predmetu zákazky </t>
  </si>
  <si>
    <t>3.1.b)  Zoznam položiek:</t>
  </si>
  <si>
    <t>EKG elektrody vhodné do RTG, CT a MRI prostredia, hydrogél</t>
  </si>
  <si>
    <t>Samoexpandovateľná nitinolová bioprotéza (bioprotéza musí mať našitú vonkajšiu sukničku s možnosťou voľby pre potenciálne budúce perkutánne koronárne intervencie) s príslušenstvom vrátane poskytovania služieb</t>
  </si>
  <si>
    <t>SPOLU:</t>
  </si>
  <si>
    <t>Implantačný systém je vhodný na zavedenie transfemorálnym a alternatívne aj iným (transsubklaviálnym, transaxilárnym, alebo transaortálnym) prístupom.</t>
  </si>
  <si>
    <t>Implantačný systém musí umožňovať opakovanú implantáciu bioprotézy (plne vyberateľná a reponovateľná protéza).</t>
  </si>
  <si>
    <t>Je prípustná možnosť implantácie do dysfukčných bioprotéz v aortálnej pozícii.</t>
  </si>
  <si>
    <t>Vhodná na transkatétrovú supraanulárnu implantáciu u pacientov so závažnou aortálnou stenózou.</t>
  </si>
  <si>
    <t>Bioprotéza určená na nahradenie natívnej alebo chirurgicky implantovanej bioprotetickej aortálnej srdcovej chlopne bez chirurgického zákroku na otvorenom srdci a bez súčasného chirurgického odstránenia zlyhávajúcej chlopne.</t>
  </si>
  <si>
    <t>Bioprotéza vyrobená s porcine perikardialneho tkaniva.</t>
  </si>
  <si>
    <r>
      <t>Bioprotéza vybavená 3 r</t>
    </r>
    <r>
      <rPr>
        <sz val="10"/>
        <color indexed="8"/>
        <rFont val="Arial"/>
        <family val="2"/>
        <charset val="238"/>
      </rPr>
      <t>öntgenkontrastnými zlatými markermi, 3mm od vtokovej časti rámu umožňujúcimi presnú hĺbku implantácie.</t>
    </r>
  </si>
  <si>
    <t>Umiestnenie markerov na bioprotéze v pozícii komisúr pre optimálny cominsure alignement.</t>
  </si>
  <si>
    <t>Možnosť vybrať chlopňu s podporným rámom, ktorý má za každým z 3 cípov chlopne rozšírené okienka na prístup ku koronárnemu ústiu po implantácii pri potenciálnej budúcej perkutánnej koronárnej intervencii (PCI).</t>
  </si>
  <si>
    <t>Bioprotéza je ošetrená AOA antikalcifikačnou úpravou a musí mať našitú vonkajšiu sukničku vo všetkých veľkostiach.</t>
  </si>
  <si>
    <t>Bioprotéza je dostupná vo veľkostiach 23, 26, 29, 34 mm pre implantáciu do aortálneho anulu v rozmedzí aspoň 18 -30 mm.</t>
  </si>
  <si>
    <t>Zavádzací systém slúžiaci na stláčanie bioprotézy do aplikačného katétra, dostupný v dvoch modeloch v závislosti od veľkosti bioprotézy.</t>
  </si>
  <si>
    <t xml:space="preserve">Aplikačný systém katétra dostupný v 2 veľkostiach: 
</t>
  </si>
  <si>
    <t xml:space="preserve">14F pre veľkosti chlopne 23, 26, 29 mm </t>
  </si>
  <si>
    <t>18F pre veľkosť chlopne 34 mm</t>
  </si>
  <si>
    <t>Položka č. 1 - Samoexpandovateľná nitinolová bioprotéza (bioprotéza musí mať našitú vonkajšiu sukničku s možnosťou voľby pre potenciálne budúce perkutánne koronárne intervencie) s príslušenstvom vrátane poskytovania služieb</t>
  </si>
  <si>
    <t>Položka č. 2 - Vodiaci drôt</t>
  </si>
  <si>
    <t>Vodiaci drôt vyrobený z nehrdzavejúcej ocele, pokrytý vrstvou PTFE, veľkosť 0,89 mm s dĺžkou 260 cm zahrňujúca časť ohybného zakončenia s dĺžkou 20 cm. Hrot vodiaceho drôtu je zahnutý s priemerom 30 mm určený na minimalizáciu rizika perforácie.</t>
  </si>
  <si>
    <t>Položka č. 3 - EKG elektrody vhodné do RTG, CT a MRI prostredia, hydrogél</t>
  </si>
  <si>
    <t xml:space="preserve">Rádiopriesvitný Ag/AgCl konektor s karbónovou úpravou umožňuje použitie v RTG, CT a MRI prostredí.      </t>
  </si>
  <si>
    <t xml:space="preserve">Statické magnetické pole 1,5 Tesla a 3 Tesla. Maximálny gradient priestorového poľa 25 000 G/cm (250 T/m). </t>
  </si>
  <si>
    <t>Veľkosť 50 x 48 mm</t>
  </si>
  <si>
    <t>Lepiaca časť 1584 mm2</t>
  </si>
  <si>
    <t>Plocha snímača 79 mm2</t>
  </si>
  <si>
    <t>AC impedancia 95 Ω</t>
  </si>
  <si>
    <t>Spriemerovaná špecifická miera absorpcie celého tela je 2 W/kg počas 15 min. skenovania.</t>
  </si>
  <si>
    <t>2</t>
  </si>
  <si>
    <t>3</t>
  </si>
  <si>
    <t>4</t>
  </si>
  <si>
    <t>5</t>
  </si>
  <si>
    <t>6</t>
  </si>
  <si>
    <t>7</t>
  </si>
  <si>
    <t>8</t>
  </si>
  <si>
    <t>9</t>
  </si>
  <si>
    <t>10</t>
  </si>
  <si>
    <t>11</t>
  </si>
  <si>
    <t>12</t>
  </si>
  <si>
    <t>13</t>
  </si>
  <si>
    <t>14</t>
  </si>
  <si>
    <t>14.1</t>
  </si>
  <si>
    <t>14.2</t>
  </si>
  <si>
    <t>15</t>
  </si>
  <si>
    <t>16</t>
  </si>
  <si>
    <t>4.1</t>
  </si>
  <si>
    <t>4.2</t>
  </si>
  <si>
    <t>4.3</t>
  </si>
  <si>
    <t>4.4</t>
  </si>
  <si>
    <t>4.5</t>
  </si>
  <si>
    <t>4.6</t>
  </si>
  <si>
    <t>4.7</t>
  </si>
  <si>
    <t xml:space="preserve">štúdia musí byť realizovaná a publikovaná,  </t>
  </si>
  <si>
    <t>požaduje sa predložiť odkaz/link na periodikum, kde bola štúdia publikovaná,</t>
  </si>
  <si>
    <t xml:space="preserve">štúdia sa realizuje ako porovnanie s chirurgickými protézami, alebo TAVI protézami, ktoré sú už dlho na trhu,  </t>
  </si>
  <si>
    <t xml:space="preserve">na základe realizovanej a publikovanej štúdie sa musí dať vyhodnotiť kvalita – teda účinnosť, životnosť protézy, možné komplikácie, prednosti, </t>
  </si>
  <si>
    <t xml:space="preserve">požaduje sa sledovanie štúdie aspoň 2 roky, </t>
  </si>
  <si>
    <r>
      <t>Požaduje sa predložiť</t>
    </r>
    <r>
      <rPr>
        <b/>
        <sz val="10"/>
        <rFont val="Arial"/>
        <family val="2"/>
        <charset val="238"/>
      </rPr>
      <t xml:space="preserve"> </t>
    </r>
    <r>
      <rPr>
        <sz val="10"/>
        <rFont val="Arial"/>
        <family val="2"/>
        <charset val="238"/>
      </rPr>
      <t>dokument "</t>
    </r>
    <r>
      <rPr>
        <b/>
        <sz val="10"/>
        <rFont val="Arial"/>
        <family val="2"/>
        <charset val="238"/>
      </rPr>
      <t>Porovnávacia štúdia</t>
    </r>
    <r>
      <rPr>
        <sz val="10"/>
        <rFont val="Arial"/>
        <family val="2"/>
        <charset val="238"/>
      </rPr>
      <t>" (ďalej len "štúdia"):</t>
    </r>
  </si>
  <si>
    <t>5.</t>
  </si>
  <si>
    <t>5.1</t>
  </si>
  <si>
    <t>5.2</t>
  </si>
  <si>
    <t>5.3</t>
  </si>
  <si>
    <t>5.4</t>
  </si>
  <si>
    <t>5.5</t>
  </si>
  <si>
    <t>5.6</t>
  </si>
  <si>
    <t>6.</t>
  </si>
  <si>
    <t>Katetrizačný systém pre náhradu aortálnej chlopne bioprotézou s osobitným zreteľom na samoexpandovateľnú nitinolovú bioprotézu s možnosťou opätovného zachytenia, zahrňujúci transkatetrovú náhradu aortálnej chlopne, systém aplikačného katétra a zavádzací systém.</t>
  </si>
  <si>
    <t>Požaduje sa uzatvorenie rámcovej dohody, a to na na dohodnuté zmluvné obdobie tridsiatichšiestich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5: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7.</t>
  </si>
  <si>
    <t>Dodávateľ je povinný vystaviť faktúru za dodaný tovar v súlade s ustanovením §73 zákona č. 222/2004 Z. z. o dani z pridanej hodnoty v znení neskorších predpisov (ďalej len „zákon o DPH“).</t>
  </si>
  <si>
    <t>8.</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9.</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10.</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11.1</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od zmluvy odstúpiť.</t>
  </si>
  <si>
    <t>12.</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3.</t>
  </si>
  <si>
    <t>Požaduje sa, aby dodávateľ v čase predloženia ponuky a zároveň počas trvania rámcovej dohody bol oprávnený na poskytnutie plnenia predmetu zákazky.</t>
  </si>
  <si>
    <t>14.</t>
  </si>
  <si>
    <t>Požaduje sa možnosť uplatnenia si náhrady škody u dodávateľa vo výške vzniknutých finančných nákladov a/alebo možnosť vrátenia nespotrebovanej časti tovaru v prípade nedodržania požiadaviek uvedených v bodoch 9. - 12. týchto zmluvných podmienok.</t>
  </si>
  <si>
    <t>15.</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6.</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ej boli avizované okolnosti vyššej moci, právo odstúpiť od uzatvorenej rámcovej dohody. Účinky odstúpenia nastanú dňom doručenia oznámenia druhej zmluvnej strane.</t>
  </si>
  <si>
    <t>17.</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ww.vusch.sk. </t>
  </si>
  <si>
    <t>18.</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19.</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je oprávnený od RD odstúpiť.</t>
  </si>
  <si>
    <t>20.</t>
  </si>
  <si>
    <t>V prípade, ak sa na predmet zákazky vykonala prípravná trhová konzultácia, informácie k prípravnej trhovej konzultácie verejný obstarávateľ zverejňuje na www.vusch.sk/verejne-obstaravanie/.</t>
  </si>
  <si>
    <t xml:space="preserve">
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Dokument musí byť predložený vo forme naskenovaného originálu, vo formáte .pdf s názvom „Porovnávacia štúdia",</t>
  </si>
  <si>
    <r>
      <t xml:space="preserve">Požaduje sa </t>
    </r>
    <r>
      <rPr>
        <b/>
        <sz val="10"/>
        <rFont val="Arial"/>
        <family val="2"/>
        <charset val="238"/>
      </rPr>
      <t>plnohodnotné zaškolenie intervenenčného tímu</t>
    </r>
    <r>
      <rPr>
        <sz val="10"/>
        <rFont val="Arial"/>
        <family val="2"/>
        <charset val="238"/>
      </rPr>
      <t>, ktoré musí byť zahrnuté v cene predmetu zákazky. Záujemca predloží dokument, v ktorom prehlási, že pre verejného obstarávateľa zabezpečí plnohodnotné zaškolenie intervenenčného tímu. Požadovaný dokument musí záujemca predložiť vo forme naskenovaného dokumentu, vo formáte .pdf s názvom „</t>
    </r>
    <r>
      <rPr>
        <u/>
        <sz val="10"/>
        <rFont val="Arial"/>
        <family val="2"/>
        <charset val="238"/>
      </rPr>
      <t>Prehlásenie o zaškolen</t>
    </r>
    <r>
      <rPr>
        <sz val="10"/>
        <rFont val="Arial"/>
        <family val="2"/>
        <charset val="238"/>
      </rPr>
      <t xml:space="preserve">í“.  </t>
    </r>
  </si>
  <si>
    <t>Gélová plocha 201 mm2</t>
  </si>
  <si>
    <t>Monitoring 24 hod.</t>
  </si>
  <si>
    <t xml:space="preserve">Kolíkový Ag/AgCl konektor s karbónovou úpravou. </t>
  </si>
  <si>
    <t>Aplikačný katéter vybavený s jednou kovovou výstužou, umožňujúcou flexibilitu do všetkých strán a s integrovanou rukoväťou.</t>
  </si>
  <si>
    <t xml:space="preserve">Kapsula aplikačného katétra so špeciálnym markerom umožňujúcim dosiahnutie presného zarovnania komisur bioprotézy s komisúrami natívneho anulusu. </t>
  </si>
  <si>
    <t xml:space="preserve">Jednorazové EKG elektródy s penovým vodeodolným podkladom s vodivím mokrým gélom, so silnou priľnavosťou, zabezpečujúci dobrú kvalitu signálu pri krátkodobom monitorovaní EKG.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0"/>
      <color theme="1"/>
      <name val="Arial"/>
      <family val="2"/>
      <charset val="238"/>
    </font>
    <font>
      <sz val="10"/>
      <color indexed="8"/>
      <name val="Arial"/>
      <family val="2"/>
      <charset val="238"/>
    </font>
    <font>
      <u/>
      <sz val="1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rgb="FFFFFF00"/>
        <bgColor indexed="64"/>
      </patternFill>
    </fill>
    <fill>
      <patternFill patternType="solid">
        <fgColor theme="0"/>
        <bgColor indexed="64"/>
      </patternFill>
    </fill>
    <fill>
      <patternFill patternType="solid">
        <fgColor theme="6" tint="0.79998168889431442"/>
        <bgColor indexed="64"/>
      </patternFill>
    </fill>
  </fills>
  <borders count="72">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medium">
        <color auto="1"/>
      </left>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medium">
        <color auto="1"/>
      </left>
      <right/>
      <top style="thin">
        <color auto="1"/>
      </top>
      <bottom style="thin">
        <color auto="1"/>
      </bottom>
      <diagonal/>
    </border>
    <border>
      <left/>
      <right style="medium">
        <color indexed="64"/>
      </right>
      <top style="thin">
        <color auto="1"/>
      </top>
      <bottom style="thin">
        <color auto="1"/>
      </bottom>
      <diagonal/>
    </border>
    <border>
      <left style="thin">
        <color auto="1"/>
      </left>
      <right/>
      <top style="medium">
        <color auto="1"/>
      </top>
      <bottom style="dotted">
        <color auto="1"/>
      </bottom>
      <diagonal/>
    </border>
    <border>
      <left/>
      <right style="medium">
        <color auto="1"/>
      </right>
      <top style="medium">
        <color auto="1"/>
      </top>
      <bottom style="dotted">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otted">
        <color indexed="64"/>
      </top>
      <bottom/>
      <diagonal/>
    </border>
    <border>
      <left style="medium">
        <color auto="1"/>
      </left>
      <right style="thin">
        <color auto="1"/>
      </right>
      <top style="dotted">
        <color indexed="64"/>
      </top>
      <bottom style="thin">
        <color auto="1"/>
      </bottom>
      <diagonal/>
    </border>
    <border>
      <left style="thin">
        <color auto="1"/>
      </left>
      <right style="thin">
        <color auto="1"/>
      </right>
      <top style="dotted">
        <color indexed="64"/>
      </top>
      <bottom style="thin">
        <color auto="1"/>
      </bottom>
      <diagonal/>
    </border>
    <border>
      <left style="thin">
        <color auto="1"/>
      </left>
      <right style="thin">
        <color auto="1"/>
      </right>
      <top style="dotted">
        <color indexed="64"/>
      </top>
      <bottom/>
      <diagonal/>
    </border>
    <border>
      <left style="medium">
        <color auto="1"/>
      </left>
      <right/>
      <top/>
      <bottom/>
      <diagonal/>
    </border>
    <border>
      <left style="thin">
        <color auto="1"/>
      </left>
      <right style="thin">
        <color auto="1"/>
      </right>
      <top style="thin">
        <color auto="1"/>
      </top>
      <bottom/>
      <diagonal/>
    </border>
    <border>
      <left/>
      <right/>
      <top style="thin">
        <color indexed="64"/>
      </top>
      <bottom/>
      <diagonal/>
    </border>
    <border>
      <left style="thin">
        <color rgb="FF000000"/>
      </left>
      <right style="thin">
        <color rgb="FF000000"/>
      </right>
      <top style="thin">
        <color rgb="FF000000"/>
      </top>
      <bottom style="thin">
        <color rgb="FF000000"/>
      </bottom>
      <diagonal/>
    </border>
    <border>
      <left style="dotted">
        <color auto="1"/>
      </left>
      <right style="medium">
        <color auto="1"/>
      </right>
      <top/>
      <bottom style="medium">
        <color indexed="64"/>
      </bottom>
      <diagonal/>
    </border>
    <border>
      <left style="medium">
        <color auto="1"/>
      </left>
      <right style="thin">
        <color auto="1"/>
      </right>
      <top style="thin">
        <color auto="1"/>
      </top>
      <bottom style="dotted">
        <color indexed="64"/>
      </bottom>
      <diagonal/>
    </border>
    <border>
      <left style="medium">
        <color indexed="64"/>
      </left>
      <right style="thin">
        <color auto="1"/>
      </right>
      <top style="dotted">
        <color indexed="64"/>
      </top>
      <bottom style="dotted">
        <color indexed="64"/>
      </bottom>
      <diagonal/>
    </border>
    <border>
      <left style="thin">
        <color auto="1"/>
      </left>
      <right style="dotted">
        <color indexed="64"/>
      </right>
      <top style="thin">
        <color auto="1"/>
      </top>
      <bottom style="thin">
        <color auto="1"/>
      </bottom>
      <diagonal/>
    </border>
    <border>
      <left/>
      <right style="medium">
        <color auto="1"/>
      </right>
      <top/>
      <bottom/>
      <diagonal/>
    </border>
    <border>
      <left/>
      <right style="medium">
        <color auto="1"/>
      </right>
      <top/>
      <bottom style="thin">
        <color auto="1"/>
      </bottom>
      <diagonal/>
    </border>
    <border>
      <left/>
      <right style="medium">
        <color auto="1"/>
      </right>
      <top style="dotted">
        <color auto="1"/>
      </top>
      <bottom style="thin">
        <color indexed="64"/>
      </bottom>
      <diagonal/>
    </border>
    <border>
      <left style="thin">
        <color auto="1"/>
      </left>
      <right/>
      <top style="thin">
        <color auto="1"/>
      </top>
      <bottom style="medium">
        <color indexed="64"/>
      </bottom>
      <diagonal/>
    </border>
    <border>
      <left style="thin">
        <color auto="1"/>
      </left>
      <right style="thin">
        <color auto="1"/>
      </right>
      <top style="thin">
        <color auto="1"/>
      </top>
      <bottom style="medium">
        <color indexed="64"/>
      </bottom>
      <diagonal/>
    </border>
    <border>
      <left style="medium">
        <color auto="1"/>
      </left>
      <right style="thin">
        <color auto="1"/>
      </right>
      <top/>
      <bottom/>
      <diagonal/>
    </border>
    <border>
      <left style="thin">
        <color rgb="FF000000"/>
      </left>
      <right style="thin">
        <color rgb="FF000000"/>
      </right>
      <top/>
      <bottom style="thin">
        <color rgb="FF000000"/>
      </bottom>
      <diagonal/>
    </border>
    <border>
      <left style="medium">
        <color auto="1"/>
      </left>
      <right style="thin">
        <color rgb="FF000000"/>
      </right>
      <top style="thin">
        <color auto="1"/>
      </top>
      <bottom style="dotted">
        <color indexed="64"/>
      </bottom>
      <diagonal/>
    </border>
    <border>
      <left style="thin">
        <color rgb="FF000000"/>
      </left>
      <right style="thin">
        <color rgb="FF000000"/>
      </right>
      <top style="thin">
        <color rgb="FF000000"/>
      </top>
      <bottom style="dotted">
        <color indexed="64"/>
      </bottom>
      <diagonal/>
    </border>
    <border>
      <left style="thin">
        <color rgb="FF000000"/>
      </left>
      <right style="thin">
        <color indexed="64"/>
      </right>
      <top style="thin">
        <color indexed="64"/>
      </top>
      <bottom style="thin">
        <color auto="1"/>
      </bottom>
      <diagonal/>
    </border>
    <border>
      <left/>
      <right style="medium">
        <color indexed="64"/>
      </right>
      <top style="thin">
        <color auto="1"/>
      </top>
      <bottom style="dotted">
        <color auto="1"/>
      </bottom>
      <diagonal/>
    </border>
    <border>
      <left style="thin">
        <color rgb="FF000000"/>
      </left>
      <right style="thin">
        <color indexed="64"/>
      </right>
      <top style="thin">
        <color indexed="64"/>
      </top>
      <bottom style="dotted">
        <color indexed="64"/>
      </bottom>
      <diagonal/>
    </border>
    <border>
      <left style="thin">
        <color rgb="FF000000"/>
      </left>
      <right style="thin">
        <color indexed="64"/>
      </right>
      <top style="dotted">
        <color indexed="64"/>
      </top>
      <bottom style="thin">
        <color auto="1"/>
      </bottom>
      <diagonal/>
    </border>
    <border>
      <left style="thin">
        <color rgb="FF000000"/>
      </left>
      <right style="thin">
        <color rgb="FF000000"/>
      </right>
      <top style="thin">
        <color rgb="FF000000"/>
      </top>
      <bottom style="medium">
        <color indexed="64"/>
      </bottom>
      <diagonal/>
    </border>
    <border>
      <left/>
      <right/>
      <top style="thin">
        <color auto="1"/>
      </top>
      <bottom style="medium">
        <color indexed="64"/>
      </bottom>
      <diagonal/>
    </border>
    <border>
      <left/>
      <right style="medium">
        <color indexed="64"/>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8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0" fontId="6"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9" fillId="0" borderId="0" xfId="0" applyFont="1" applyAlignment="1">
      <alignment horizontal="center" vertical="top" wrapText="1"/>
    </xf>
    <xf numFmtId="16" fontId="5" fillId="0" borderId="0" xfId="0" applyNumberFormat="1" applyFont="1" applyAlignment="1">
      <alignment wrapText="1"/>
    </xf>
    <xf numFmtId="16" fontId="8" fillId="0" borderId="0" xfId="0" applyNumberFormat="1" applyFont="1" applyAlignment="1">
      <alignment wrapText="1"/>
    </xf>
    <xf numFmtId="0" fontId="8" fillId="0" borderId="0" xfId="0" applyFont="1" applyAlignment="1">
      <alignment horizontal="center" vertical="center" wrapText="1"/>
    </xf>
    <xf numFmtId="49" fontId="2" fillId="2" borderId="10" xfId="0" applyNumberFormat="1" applyFont="1" applyFill="1" applyBorder="1" applyAlignment="1">
      <alignment horizontal="center" vertical="center" wrapText="1"/>
    </xf>
    <xf numFmtId="0" fontId="9" fillId="0" borderId="0" xfId="0" applyFont="1" applyAlignment="1">
      <alignment vertical="center" wrapText="1"/>
    </xf>
    <xf numFmtId="0" fontId="6" fillId="0" borderId="0" xfId="0" applyFont="1" applyAlignment="1">
      <alignment wrapText="1"/>
    </xf>
    <xf numFmtId="0" fontId="6" fillId="0" borderId="0" xfId="0" applyFont="1" applyAlignment="1">
      <alignment horizontal="right"/>
    </xf>
    <xf numFmtId="0" fontId="11" fillId="0" borderId="12"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4" fillId="0" borderId="0" xfId="0" applyFont="1" applyAlignment="1">
      <alignment horizontal="left" vertical="top" wrapText="1"/>
    </xf>
    <xf numFmtId="0" fontId="6" fillId="0" borderId="11" xfId="0" applyFont="1" applyBorder="1" applyAlignment="1">
      <alignment horizontal="center" vertical="center" wrapText="1"/>
    </xf>
    <xf numFmtId="0" fontId="10" fillId="2" borderId="8" xfId="0" applyFont="1" applyFill="1" applyBorder="1" applyAlignment="1">
      <alignment horizontal="left" vertical="center" wrapText="1"/>
    </xf>
    <xf numFmtId="0" fontId="6" fillId="2" borderId="8" xfId="0" applyFont="1" applyFill="1" applyBorder="1" applyAlignment="1">
      <alignment horizontal="left" vertical="center" wrapText="1"/>
    </xf>
    <xf numFmtId="16" fontId="5" fillId="0" borderId="0" xfId="0" applyNumberFormat="1" applyFont="1" applyAlignment="1">
      <alignment horizontal="left" vertical="top" wrapText="1"/>
    </xf>
    <xf numFmtId="0" fontId="2" fillId="0" borderId="8" xfId="0" applyFont="1" applyBorder="1" applyAlignment="1">
      <alignment horizontal="center" vertical="center" wrapText="1"/>
    </xf>
    <xf numFmtId="49" fontId="2" fillId="0" borderId="13" xfId="0" applyNumberFormat="1" applyFont="1" applyBorder="1" applyAlignment="1">
      <alignment horizontal="center" vertical="center"/>
    </xf>
    <xf numFmtId="0" fontId="6" fillId="0" borderId="18" xfId="0" applyFont="1" applyBorder="1" applyAlignment="1">
      <alignment horizontal="center" vertical="center" wrapText="1"/>
    </xf>
    <xf numFmtId="49" fontId="2" fillId="0" borderId="7" xfId="0" applyNumberFormat="1" applyFont="1" applyBorder="1" applyAlignment="1">
      <alignment horizontal="left" vertical="center" wrapText="1"/>
    </xf>
    <xf numFmtId="0" fontId="11" fillId="0" borderId="5" xfId="0" applyFont="1" applyBorder="1" applyAlignment="1">
      <alignment horizontal="center"/>
    </xf>
    <xf numFmtId="0" fontId="10" fillId="0" borderId="0" xfId="0" applyFont="1" applyAlignment="1">
      <alignment horizontal="left" vertical="center" wrapText="1"/>
    </xf>
    <xf numFmtId="0" fontId="6" fillId="0" borderId="0" xfId="0" applyFont="1" applyAlignment="1">
      <alignment horizontal="left" vertical="center" wrapText="1"/>
    </xf>
    <xf numFmtId="0" fontId="2" fillId="0" borderId="8" xfId="0" applyFont="1" applyBorder="1" applyAlignment="1">
      <alignment horizontal="left" vertical="center" wrapText="1"/>
    </xf>
    <xf numFmtId="0" fontId="2" fillId="0" borderId="7" xfId="0" applyFont="1" applyBorder="1" applyAlignment="1">
      <alignment horizontal="left" vertical="center" wrapText="1"/>
    </xf>
    <xf numFmtId="0" fontId="0" fillId="4" borderId="0" xfId="0" applyFill="1"/>
    <xf numFmtId="0" fontId="2" fillId="0" borderId="19" xfId="0" applyFont="1" applyBorder="1" applyAlignment="1">
      <alignment horizontal="left" vertical="center" wrapText="1"/>
    </xf>
    <xf numFmtId="0" fontId="2" fillId="5" borderId="0" xfId="0" applyFont="1" applyFill="1" applyAlignment="1">
      <alignment horizontal="center" vertical="center" wrapText="1"/>
    </xf>
    <xf numFmtId="49" fontId="2" fillId="0" borderId="0" xfId="0" applyNumberFormat="1" applyFont="1" applyAlignment="1">
      <alignment horizontal="center" vertical="center" wrapText="1"/>
    </xf>
    <xf numFmtId="0" fontId="4" fillId="0" borderId="0" xfId="0" applyFont="1" applyAlignment="1">
      <alignment horizontal="left" vertical="center" wrapText="1"/>
    </xf>
    <xf numFmtId="0" fontId="3" fillId="2" borderId="3" xfId="0" applyFont="1" applyFill="1" applyBorder="1" applyAlignment="1">
      <alignment vertical="top" wrapText="1"/>
    </xf>
    <xf numFmtId="0" fontId="3" fillId="2" borderId="4" xfId="0" applyFont="1" applyFill="1" applyBorder="1" applyAlignment="1">
      <alignment vertical="top" wrapText="1"/>
    </xf>
    <xf numFmtId="0" fontId="3" fillId="2" borderId="8" xfId="0" applyFont="1" applyFill="1" applyBorder="1" applyAlignment="1">
      <alignment horizontal="center" vertical="top" wrapText="1"/>
    </xf>
    <xf numFmtId="0" fontId="6" fillId="0" borderId="29" xfId="0" applyFont="1" applyBorder="1" applyAlignment="1">
      <alignment horizontal="center" vertical="center" wrapText="1"/>
    </xf>
    <xf numFmtId="0" fontId="2" fillId="0" borderId="15" xfId="0" applyFont="1" applyBorder="1" applyAlignment="1">
      <alignment horizontal="left" vertical="center" wrapText="1"/>
    </xf>
    <xf numFmtId="0" fontId="2" fillId="0" borderId="30" xfId="0" applyFont="1" applyBorder="1" applyAlignment="1">
      <alignment horizontal="left" vertical="center" wrapText="1"/>
    </xf>
    <xf numFmtId="0" fontId="2" fillId="0" borderId="16" xfId="0" applyFont="1" applyBorder="1" applyAlignment="1">
      <alignment horizontal="left" vertical="center" wrapText="1"/>
    </xf>
    <xf numFmtId="0" fontId="2" fillId="0" borderId="31" xfId="0" applyFont="1" applyBorder="1" applyAlignment="1">
      <alignment horizontal="left" vertical="center" wrapText="1"/>
    </xf>
    <xf numFmtId="0" fontId="2" fillId="5" borderId="0" xfId="0" applyFont="1" applyFill="1" applyAlignment="1">
      <alignment vertical="center" wrapText="1"/>
    </xf>
    <xf numFmtId="0" fontId="2" fillId="5" borderId="0" xfId="0" applyFont="1" applyFill="1" applyAlignment="1">
      <alignment wrapText="1"/>
    </xf>
    <xf numFmtId="49" fontId="3" fillId="5" borderId="0" xfId="0" applyNumberFormat="1" applyFont="1" applyFill="1" applyAlignment="1">
      <alignment horizontal="left" vertical="center" wrapText="1"/>
    </xf>
    <xf numFmtId="49" fontId="2" fillId="0" borderId="20" xfId="0" applyNumberFormat="1" applyFont="1" applyBorder="1" applyAlignment="1">
      <alignment horizontal="center" vertical="center" wrapText="1"/>
    </xf>
    <xf numFmtId="0" fontId="2" fillId="0" borderId="17" xfId="0" applyFont="1" applyBorder="1" applyAlignment="1">
      <alignment horizontal="left" vertical="center" wrapText="1"/>
    </xf>
    <xf numFmtId="0" fontId="2" fillId="0" borderId="35" xfId="0" applyFont="1" applyBorder="1" applyAlignment="1">
      <alignment horizontal="left" vertical="center" wrapText="1"/>
    </xf>
    <xf numFmtId="0" fontId="4" fillId="0" borderId="0" xfId="0" applyFont="1" applyAlignment="1">
      <alignment horizontal="center" vertical="top"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7" xfId="0" applyNumberFormat="1" applyFont="1" applyFill="1" applyBorder="1" applyAlignment="1">
      <alignment horizontal="center" vertical="center" wrapText="1"/>
    </xf>
    <xf numFmtId="49" fontId="2" fillId="2" borderId="38" xfId="0" applyNumberFormat="1" applyFont="1" applyFill="1" applyBorder="1" applyAlignment="1">
      <alignment horizontal="center" vertical="center" wrapText="1"/>
    </xf>
    <xf numFmtId="49" fontId="5" fillId="0" borderId="0" xfId="1" applyNumberFormat="1" applyFont="1" applyAlignment="1">
      <alignment horizontal="left" vertical="center" wrapText="1"/>
    </xf>
    <xf numFmtId="0" fontId="2" fillId="0" borderId="0" xfId="5" applyFont="1" applyAlignment="1">
      <alignment horizontal="left" vertical="center" wrapText="1"/>
    </xf>
    <xf numFmtId="0" fontId="6" fillId="2" borderId="8" xfId="5" applyFont="1" applyFill="1" applyBorder="1" applyAlignment="1">
      <alignment horizontal="left" vertical="center" wrapText="1"/>
    </xf>
    <xf numFmtId="49" fontId="2" fillId="0" borderId="6" xfId="0" applyNumberFormat="1" applyFont="1" applyBorder="1" applyAlignment="1">
      <alignment horizontal="right" vertical="center"/>
    </xf>
    <xf numFmtId="0" fontId="4" fillId="5" borderId="0" xfId="0" applyFont="1" applyFill="1" applyAlignment="1">
      <alignment horizontal="left" vertical="center" wrapText="1"/>
    </xf>
    <xf numFmtId="0" fontId="2" fillId="0" borderId="33" xfId="0" applyFont="1" applyBorder="1" applyAlignment="1">
      <alignment horizontal="center" vertical="center" wrapText="1"/>
    </xf>
    <xf numFmtId="49" fontId="2" fillId="0" borderId="40" xfId="0" applyNumberFormat="1" applyFont="1" applyBorder="1" applyAlignment="1">
      <alignment horizontal="left" vertical="center" wrapText="1"/>
    </xf>
    <xf numFmtId="49" fontId="9" fillId="5" borderId="7" xfId="0" applyNumberFormat="1" applyFont="1" applyFill="1" applyBorder="1" applyAlignment="1">
      <alignment horizontal="left" vertical="center" wrapText="1"/>
    </xf>
    <xf numFmtId="0" fontId="2" fillId="5" borderId="0" xfId="0" applyFont="1" applyFill="1" applyAlignment="1">
      <alignment horizontal="left" vertical="center" wrapText="1"/>
    </xf>
    <xf numFmtId="0" fontId="4" fillId="0" borderId="3" xfId="0" applyFont="1" applyFill="1" applyBorder="1" applyAlignment="1">
      <alignment vertical="center" wrapText="1"/>
    </xf>
    <xf numFmtId="0" fontId="4" fillId="0" borderId="24" xfId="0" applyFont="1" applyFill="1" applyBorder="1" applyAlignment="1" applyProtection="1">
      <alignment vertical="center" wrapText="1"/>
      <protection locked="0"/>
    </xf>
    <xf numFmtId="0" fontId="4" fillId="5" borderId="3" xfId="0" applyFont="1" applyFill="1" applyBorder="1" applyAlignment="1">
      <alignment vertical="center" wrapText="1"/>
    </xf>
    <xf numFmtId="0" fontId="4" fillId="0" borderId="3" xfId="0" applyFont="1" applyFill="1" applyBorder="1" applyAlignment="1" applyProtection="1">
      <alignment vertical="center" wrapText="1"/>
      <protection locked="0"/>
    </xf>
    <xf numFmtId="49" fontId="2" fillId="0" borderId="6" xfId="0" applyNumberFormat="1" applyFont="1" applyFill="1" applyBorder="1" applyAlignment="1">
      <alignment horizontal="center" vertical="center" wrapText="1"/>
    </xf>
    <xf numFmtId="49" fontId="2" fillId="0" borderId="43" xfId="0" applyNumberFormat="1" applyFont="1" applyFill="1" applyBorder="1" applyAlignment="1">
      <alignment horizontal="center" vertical="center" wrapText="1"/>
    </xf>
    <xf numFmtId="49" fontId="2" fillId="0" borderId="13" xfId="0" applyNumberFormat="1" applyFont="1" applyFill="1" applyBorder="1" applyAlignment="1">
      <alignment horizontal="center" vertical="center" wrapText="1"/>
    </xf>
    <xf numFmtId="0" fontId="4" fillId="0" borderId="14" xfId="0" applyFont="1" applyFill="1" applyBorder="1" applyAlignment="1">
      <alignment vertical="center" wrapText="1"/>
    </xf>
    <xf numFmtId="49" fontId="2" fillId="0" borderId="44" xfId="0" applyNumberFormat="1" applyFont="1" applyFill="1" applyBorder="1" applyAlignment="1">
      <alignment horizontal="right" vertical="center" wrapText="1"/>
    </xf>
    <xf numFmtId="0" fontId="4" fillId="5" borderId="26" xfId="0" applyFont="1" applyFill="1" applyBorder="1" applyAlignment="1">
      <alignment vertical="center" wrapText="1"/>
    </xf>
    <xf numFmtId="0" fontId="4" fillId="0" borderId="22" xfId="0" applyFont="1" applyFill="1" applyBorder="1" applyAlignment="1">
      <alignment vertical="center" wrapText="1"/>
    </xf>
    <xf numFmtId="49" fontId="2" fillId="0" borderId="45" xfId="0" applyNumberFormat="1" applyFont="1" applyFill="1" applyBorder="1" applyAlignment="1">
      <alignment horizontal="right" vertical="center" wrapText="1"/>
    </xf>
    <xf numFmtId="0" fontId="4" fillId="0" borderId="47" xfId="0" applyFont="1" applyFill="1" applyBorder="1" applyAlignment="1">
      <alignment vertical="center" wrapText="1"/>
    </xf>
    <xf numFmtId="0" fontId="4" fillId="0" borderId="46" xfId="0" applyFont="1" applyFill="1" applyBorder="1" applyAlignment="1">
      <alignment vertical="center" wrapText="1"/>
    </xf>
    <xf numFmtId="0" fontId="4" fillId="0" borderId="8" xfId="0" applyFont="1" applyFill="1" applyBorder="1" applyAlignment="1">
      <alignment vertical="center" wrapText="1"/>
    </xf>
    <xf numFmtId="3" fontId="2" fillId="0" borderId="8" xfId="0" applyNumberFormat="1" applyFont="1" applyBorder="1" applyAlignment="1">
      <alignment horizontal="center" vertical="center" wrapText="1"/>
    </xf>
    <xf numFmtId="0" fontId="3" fillId="0" borderId="0" xfId="0" applyFont="1" applyAlignment="1">
      <alignment vertical="center" wrapText="1"/>
    </xf>
    <xf numFmtId="49" fontId="3" fillId="0" borderId="0" xfId="0" applyNumberFormat="1" applyFont="1" applyAlignment="1">
      <alignment horizontal="left" vertical="center" wrapText="1"/>
    </xf>
    <xf numFmtId="0" fontId="2" fillId="0" borderId="0" xfId="0" applyFont="1" applyAlignment="1">
      <alignment horizontal="center" vertical="center" wrapText="1"/>
    </xf>
    <xf numFmtId="3" fontId="2" fillId="0" borderId="17" xfId="0" applyNumberFormat="1" applyFont="1" applyBorder="1" applyAlignment="1">
      <alignment horizontal="center" vertical="center" wrapText="1"/>
    </xf>
    <xf numFmtId="0" fontId="4" fillId="5" borderId="0" xfId="0" applyFont="1" applyFill="1" applyAlignment="1">
      <alignment horizontal="left" vertical="center" wrapText="1"/>
    </xf>
    <xf numFmtId="0" fontId="4" fillId="5" borderId="0" xfId="0" applyFont="1" applyFill="1" applyAlignment="1">
      <alignment horizontal="left" vertical="center" wrapText="1"/>
    </xf>
    <xf numFmtId="0" fontId="2" fillId="0" borderId="3" xfId="0" applyFont="1" applyBorder="1" applyAlignment="1">
      <alignment horizontal="left" vertical="center" wrapText="1"/>
    </xf>
    <xf numFmtId="0" fontId="2" fillId="0" borderId="4" xfId="0" applyFont="1" applyBorder="1" applyAlignment="1">
      <alignment horizontal="left" vertical="center" wrapText="1"/>
    </xf>
    <xf numFmtId="0" fontId="2" fillId="0" borderId="49" xfId="0" applyFont="1" applyBorder="1" applyAlignment="1">
      <alignment horizontal="center" vertical="center" wrapText="1"/>
    </xf>
    <xf numFmtId="3" fontId="2" fillId="0" borderId="49" xfId="0" applyNumberFormat="1" applyFont="1" applyBorder="1" applyAlignment="1">
      <alignment horizontal="center" vertical="center" wrapText="1"/>
    </xf>
    <xf numFmtId="0" fontId="2" fillId="5" borderId="0" xfId="0" applyFont="1" applyFill="1" applyBorder="1" applyAlignment="1">
      <alignment horizontal="left" vertical="center" wrapText="1"/>
    </xf>
    <xf numFmtId="0" fontId="2" fillId="0" borderId="0" xfId="0" applyFont="1" applyBorder="1" applyAlignment="1">
      <alignment horizontal="left" vertical="center" wrapText="1"/>
    </xf>
    <xf numFmtId="3" fontId="3" fillId="0" borderId="0" xfId="0" applyNumberFormat="1" applyFont="1" applyBorder="1" applyAlignment="1">
      <alignment horizontal="right" vertical="center" wrapText="1"/>
    </xf>
    <xf numFmtId="0" fontId="3" fillId="0" borderId="50" xfId="0" applyFont="1" applyBorder="1" applyAlignment="1">
      <alignment horizontal="center" vertical="center" wrapText="1"/>
    </xf>
    <xf numFmtId="0" fontId="4" fillId="0" borderId="51" xfId="0" applyFont="1" applyBorder="1" applyAlignment="1">
      <alignment horizontal="left" vertical="top" wrapText="1"/>
    </xf>
    <xf numFmtId="0" fontId="4" fillId="0" borderId="51" xfId="0" applyFont="1" applyBorder="1" applyAlignment="1">
      <alignment horizontal="left" vertical="center" wrapText="1"/>
    </xf>
    <xf numFmtId="0" fontId="2" fillId="0" borderId="51" xfId="0" applyFont="1" applyBorder="1" applyAlignment="1">
      <alignment horizontal="left" vertical="center" wrapText="1"/>
    </xf>
    <xf numFmtId="0" fontId="4" fillId="0" borderId="51" xfId="0" applyFont="1" applyBorder="1" applyAlignment="1">
      <alignment horizontal="left" wrapText="1"/>
    </xf>
    <xf numFmtId="49" fontId="2" fillId="0" borderId="6" xfId="0" applyNumberFormat="1" applyFont="1" applyBorder="1" applyAlignment="1">
      <alignment horizontal="center" vertical="center"/>
    </xf>
    <xf numFmtId="49" fontId="2" fillId="0" borderId="6" xfId="0" applyNumberFormat="1" applyFont="1" applyBorder="1" applyAlignment="1">
      <alignment horizontal="center" vertical="center" wrapText="1"/>
    </xf>
    <xf numFmtId="0" fontId="2" fillId="0" borderId="52" xfId="0" applyFont="1" applyBorder="1" applyAlignment="1">
      <alignment horizontal="left" vertical="center" wrapText="1"/>
    </xf>
    <xf numFmtId="0" fontId="4" fillId="5" borderId="3" xfId="0" applyFont="1" applyFill="1" applyBorder="1" applyAlignment="1">
      <alignment horizontal="left" vertical="top" wrapText="1"/>
    </xf>
    <xf numFmtId="49" fontId="2" fillId="0" borderId="20" xfId="0" applyNumberFormat="1" applyFont="1" applyBorder="1" applyAlignment="1">
      <alignment horizontal="right" vertical="center" wrapText="1"/>
    </xf>
    <xf numFmtId="49" fontId="2" fillId="0" borderId="53" xfId="0" applyNumberFormat="1" applyFont="1" applyBorder="1" applyAlignment="1">
      <alignment horizontal="center" vertical="center" wrapText="1"/>
    </xf>
    <xf numFmtId="49" fontId="2" fillId="0" borderId="54" xfId="0" applyNumberFormat="1" applyFont="1" applyBorder="1" applyAlignment="1">
      <alignment horizontal="right" vertical="center" wrapText="1"/>
    </xf>
    <xf numFmtId="49" fontId="4" fillId="0" borderId="14" xfId="0" applyNumberFormat="1" applyFont="1" applyFill="1" applyBorder="1" applyAlignment="1">
      <alignment vertical="center" wrapText="1"/>
    </xf>
    <xf numFmtId="49" fontId="4" fillId="0" borderId="26" xfId="0" applyNumberFormat="1" applyFont="1" applyFill="1" applyBorder="1" applyAlignment="1">
      <alignment vertical="center" wrapText="1"/>
    </xf>
    <xf numFmtId="49" fontId="4" fillId="0" borderId="17" xfId="0" applyNumberFormat="1" applyFont="1" applyFill="1" applyBorder="1" applyAlignment="1">
      <alignment vertical="center" wrapText="1"/>
    </xf>
    <xf numFmtId="0" fontId="2" fillId="0" borderId="56" xfId="0" applyFont="1" applyBorder="1" applyAlignment="1">
      <alignment horizontal="left" vertical="center" wrapText="1"/>
    </xf>
    <xf numFmtId="0" fontId="2" fillId="0" borderId="49" xfId="0" applyFont="1" applyBorder="1" applyAlignment="1">
      <alignment horizontal="left" vertical="center" wrapText="1"/>
    </xf>
    <xf numFmtId="0" fontId="6" fillId="0" borderId="55" xfId="0" applyFont="1" applyBorder="1" applyAlignment="1">
      <alignment horizontal="center" vertical="center" wrapText="1"/>
    </xf>
    <xf numFmtId="0" fontId="2" fillId="0" borderId="57" xfId="0" applyFont="1" applyBorder="1" applyAlignment="1">
      <alignment horizontal="left" vertical="center" wrapText="1"/>
    </xf>
    <xf numFmtId="0" fontId="2" fillId="0" borderId="40" xfId="0" applyFont="1" applyBorder="1" applyAlignment="1">
      <alignment horizontal="left" vertical="center" wrapText="1"/>
    </xf>
    <xf numFmtId="49" fontId="2" fillId="2" borderId="58" xfId="0" applyNumberFormat="1" applyFont="1" applyFill="1" applyBorder="1" applyAlignment="1">
      <alignment horizontal="center" vertical="center" wrapText="1"/>
    </xf>
    <xf numFmtId="0" fontId="6" fillId="0" borderId="34" xfId="0" applyFont="1" applyBorder="1" applyAlignment="1">
      <alignment horizontal="center" vertical="center" wrapText="1"/>
    </xf>
    <xf numFmtId="0" fontId="6" fillId="0" borderId="38" xfId="0" applyFont="1" applyBorder="1" applyAlignment="1">
      <alignment horizontal="center" vertical="center" wrapText="1"/>
    </xf>
    <xf numFmtId="0" fontId="2" fillId="0" borderId="46" xfId="0" applyFont="1" applyBorder="1" applyAlignment="1">
      <alignment horizontal="center" vertical="center" wrapText="1"/>
    </xf>
    <xf numFmtId="0" fontId="2" fillId="0" borderId="47" xfId="0" applyFont="1" applyBorder="1" applyAlignment="1">
      <alignment horizontal="center" vertical="center" wrapText="1"/>
    </xf>
    <xf numFmtId="49" fontId="2" fillId="0" borderId="27" xfId="0" applyNumberFormat="1" applyFont="1" applyFill="1" applyBorder="1" applyAlignment="1">
      <alignment horizontal="center" vertical="center" wrapText="1"/>
    </xf>
    <xf numFmtId="0" fontId="4" fillId="0" borderId="59" xfId="0" applyFont="1" applyFill="1" applyBorder="1" applyAlignment="1">
      <alignment vertical="center" wrapText="1"/>
    </xf>
    <xf numFmtId="0" fontId="2" fillId="0" borderId="60" xfId="0" applyFont="1" applyBorder="1" applyAlignment="1">
      <alignment horizontal="center" vertical="center" wrapText="1"/>
    </xf>
    <xf numFmtId="0" fontId="12" fillId="0" borderId="28" xfId="0" applyFont="1" applyBorder="1" applyAlignment="1">
      <alignment horizontal="left" vertical="center" wrapText="1"/>
    </xf>
    <xf numFmtId="3" fontId="3" fillId="0" borderId="50" xfId="0" applyNumberFormat="1" applyFont="1" applyBorder="1" applyAlignment="1">
      <alignment horizontal="center" vertical="center" wrapText="1"/>
    </xf>
    <xf numFmtId="49" fontId="2" fillId="0" borderId="61" xfId="0" applyNumberFormat="1" applyFont="1" applyBorder="1" applyAlignment="1">
      <alignment horizontal="right" vertical="center"/>
    </xf>
    <xf numFmtId="0" fontId="4" fillId="0" borderId="62" xfId="0" applyFont="1" applyBorder="1" applyAlignment="1">
      <alignment horizontal="left" vertical="center" wrapText="1"/>
    </xf>
    <xf numFmtId="49" fontId="2" fillId="0" borderId="63" xfId="0" applyNumberFormat="1" applyFont="1" applyBorder="1" applyAlignment="1">
      <alignment horizontal="right" vertical="center"/>
    </xf>
    <xf numFmtId="0" fontId="4" fillId="0" borderId="64" xfId="0" applyFont="1" applyBorder="1" applyAlignment="1">
      <alignment horizontal="left" vertical="center" wrapText="1"/>
    </xf>
    <xf numFmtId="49" fontId="2" fillId="0" borderId="58" xfId="0" applyNumberFormat="1" applyFont="1" applyBorder="1" applyAlignment="1">
      <alignment horizontal="left" vertical="center" wrapText="1"/>
    </xf>
    <xf numFmtId="49" fontId="2" fillId="0" borderId="66" xfId="0" applyNumberFormat="1" applyFont="1" applyBorder="1" applyAlignment="1">
      <alignment horizontal="left" vertical="center" wrapText="1"/>
    </xf>
    <xf numFmtId="0" fontId="2" fillId="0" borderId="67" xfId="0" applyFont="1" applyBorder="1" applyAlignment="1">
      <alignment horizontal="center" vertical="center" wrapText="1"/>
    </xf>
    <xf numFmtId="0" fontId="2" fillId="0" borderId="68" xfId="0" applyFont="1" applyBorder="1" applyAlignment="1">
      <alignment horizontal="center" vertical="center" wrapText="1"/>
    </xf>
    <xf numFmtId="0" fontId="2" fillId="0" borderId="65" xfId="0" applyFont="1" applyBorder="1" applyAlignment="1">
      <alignment horizontal="center" vertical="center" wrapText="1"/>
    </xf>
    <xf numFmtId="49" fontId="2" fillId="0" borderId="27" xfId="0" applyNumberFormat="1" applyFont="1" applyBorder="1" applyAlignment="1">
      <alignment horizontal="right" vertical="center"/>
    </xf>
    <xf numFmtId="0" fontId="4" fillId="0" borderId="69" xfId="0" applyFont="1" applyBorder="1" applyAlignment="1">
      <alignment horizontal="left" vertical="center" wrapText="1"/>
    </xf>
    <xf numFmtId="0" fontId="2" fillId="0" borderId="70" xfId="0" applyFont="1" applyBorder="1" applyAlignment="1">
      <alignment horizontal="center" vertical="center" wrapText="1"/>
    </xf>
    <xf numFmtId="49" fontId="2" fillId="0" borderId="71" xfId="0" applyNumberFormat="1" applyFont="1" applyBorder="1" applyAlignment="1">
      <alignment horizontal="left" vertical="center" wrapText="1"/>
    </xf>
    <xf numFmtId="49" fontId="5" fillId="0" borderId="0" xfId="1" applyNumberFormat="1" applyFont="1" applyBorder="1" applyAlignment="1">
      <alignment horizontal="center" vertical="top" wrapText="1"/>
    </xf>
    <xf numFmtId="49" fontId="2" fillId="0" borderId="27" xfId="0" applyNumberFormat="1" applyFont="1" applyBorder="1" applyAlignment="1">
      <alignment horizontal="center" vertical="center" wrapText="1"/>
    </xf>
    <xf numFmtId="49" fontId="4" fillId="0" borderId="60" xfId="0" applyNumberFormat="1" applyFont="1" applyFill="1" applyBorder="1" applyAlignment="1">
      <alignment vertical="center" wrapText="1"/>
    </xf>
    <xf numFmtId="0" fontId="4" fillId="5" borderId="0" xfId="0" applyFont="1" applyFill="1" applyAlignment="1">
      <alignment horizontal="left" vertical="top" wrapText="1"/>
    </xf>
    <xf numFmtId="49" fontId="3" fillId="6" borderId="39" xfId="0" applyNumberFormat="1" applyFont="1" applyFill="1" applyBorder="1" applyAlignment="1">
      <alignment horizontal="left" vertical="center" wrapText="1"/>
    </xf>
    <xf numFmtId="49" fontId="3" fillId="6" borderId="33" xfId="0" applyNumberFormat="1" applyFont="1" applyFill="1" applyBorder="1" applyAlignment="1">
      <alignment horizontal="left" vertical="center" wrapText="1"/>
    </xf>
    <xf numFmtId="49" fontId="3" fillId="6" borderId="40" xfId="0" applyNumberFormat="1" applyFont="1" applyFill="1" applyBorder="1" applyAlignment="1">
      <alignment horizontal="left" vertical="center" wrapText="1"/>
    </xf>
    <xf numFmtId="0" fontId="2" fillId="0" borderId="0" xfId="0" applyFont="1" applyAlignment="1">
      <alignment horizontal="left" wrapText="1"/>
    </xf>
    <xf numFmtId="0" fontId="3" fillId="3" borderId="0" xfId="0" applyFont="1" applyFill="1" applyAlignment="1">
      <alignment horizontal="center" vertical="center" wrapText="1"/>
    </xf>
    <xf numFmtId="0" fontId="3" fillId="0" borderId="0" xfId="0" applyFont="1" applyAlignment="1">
      <alignment horizontal="left" vertical="center" wrapText="1"/>
    </xf>
    <xf numFmtId="0" fontId="7" fillId="0" borderId="0" xfId="0" applyFont="1" applyAlignment="1">
      <alignment horizontal="left" vertical="center" wrapText="1"/>
    </xf>
    <xf numFmtId="49" fontId="3" fillId="0" borderId="0" xfId="0" applyNumberFormat="1" applyFont="1" applyAlignment="1">
      <alignment horizontal="left" vertical="center" wrapText="1"/>
    </xf>
    <xf numFmtId="0" fontId="2" fillId="5" borderId="21"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36" xfId="0" applyNumberFormat="1" applyFont="1" applyFill="1" applyBorder="1" applyAlignment="1">
      <alignment horizontal="left" vertical="top" wrapText="1"/>
    </xf>
    <xf numFmtId="49" fontId="3" fillId="2" borderId="32" xfId="0" applyNumberFormat="1" applyFont="1" applyFill="1" applyBorder="1" applyAlignment="1">
      <alignment horizontal="left" vertical="top" wrapText="1"/>
    </xf>
    <xf numFmtId="49" fontId="3" fillId="2" borderId="25" xfId="0" applyNumberFormat="1" applyFont="1" applyFill="1" applyBorder="1" applyAlignment="1">
      <alignment horizontal="left" vertical="top" wrapText="1"/>
    </xf>
    <xf numFmtId="0" fontId="3" fillId="2" borderId="41" xfId="0" applyFont="1" applyFill="1" applyBorder="1" applyAlignment="1">
      <alignment horizontal="center" vertical="top" wrapText="1"/>
    </xf>
    <xf numFmtId="0" fontId="3" fillId="2" borderId="42" xfId="0" applyFont="1" applyFill="1" applyBorder="1" applyAlignment="1">
      <alignment horizontal="center" vertical="top" wrapText="1"/>
    </xf>
    <xf numFmtId="0" fontId="2" fillId="0" borderId="3" xfId="0" applyFont="1" applyBorder="1" applyAlignment="1">
      <alignment horizontal="left" vertical="center" wrapText="1"/>
    </xf>
    <xf numFmtId="0" fontId="2" fillId="0" borderId="4" xfId="0" applyFont="1" applyBorder="1" applyAlignment="1">
      <alignment horizontal="left" vertical="center" wrapText="1"/>
    </xf>
    <xf numFmtId="16" fontId="5" fillId="5" borderId="0" xfId="0" applyNumberFormat="1" applyFont="1" applyFill="1" applyAlignment="1">
      <alignment horizontal="left" vertical="top" wrapText="1"/>
    </xf>
    <xf numFmtId="16" fontId="4" fillId="0" borderId="0" xfId="0" applyNumberFormat="1" applyFont="1" applyFill="1" applyAlignment="1">
      <alignment horizontal="left" vertical="center" wrapText="1"/>
    </xf>
    <xf numFmtId="0" fontId="4" fillId="5" borderId="0" xfId="0" applyFont="1" applyFill="1" applyAlignment="1">
      <alignment horizontal="left" vertical="center" wrapText="1"/>
    </xf>
    <xf numFmtId="0" fontId="4" fillId="0" borderId="0" xfId="0" applyFont="1" applyFill="1" applyAlignment="1">
      <alignment horizontal="left" vertical="center" wrapText="1"/>
    </xf>
    <xf numFmtId="0" fontId="4" fillId="0" borderId="0" xfId="0" applyFont="1" applyAlignment="1">
      <alignment horizontal="left" vertical="top"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0" fontId="6" fillId="0" borderId="0" xfId="5" applyFont="1" applyAlignment="1">
      <alignment horizontal="center" vertical="top" wrapText="1"/>
    </xf>
    <xf numFmtId="49" fontId="4" fillId="0" borderId="0" xfId="1" applyNumberFormat="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Font="1" applyAlignment="1">
      <alignment horizontal="left" vertical="center" wrapText="1"/>
    </xf>
    <xf numFmtId="0" fontId="3" fillId="2" borderId="9"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2" borderId="48" xfId="0" applyNumberFormat="1" applyFont="1" applyFill="1" applyBorder="1" applyAlignment="1">
      <alignment horizontal="left" vertical="top" wrapText="1"/>
    </xf>
    <xf numFmtId="49" fontId="3" fillId="2" borderId="23" xfId="0" applyNumberFormat="1" applyFont="1" applyFill="1" applyBorder="1" applyAlignment="1">
      <alignment horizontal="left" vertical="top" wrapText="1"/>
    </xf>
  </cellXfs>
  <cellStyles count="6">
    <cellStyle name="Normálna" xfId="0" builtinId="0"/>
    <cellStyle name="Normálna 2" xfId="2"/>
    <cellStyle name="Normálne 2" xfId="3"/>
    <cellStyle name="normálne 2 2" xfId="1"/>
    <cellStyle name="normálne 2 2 2" xfId="4"/>
    <cellStyle name="Normálne 4" xfId="5"/>
  </cellStyles>
  <dxfs count="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microsoft.com/office/2017/10/relationships/person" Target="persons/person.xml"/><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1</xdr:col>
          <xdr:colOff>38100</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1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1</xdr:col>
          <xdr:colOff>38100</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1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5</xdr:row>
          <xdr:rowOff>9525</xdr:rowOff>
        </xdr:from>
        <xdr:to>
          <xdr:col>1</xdr:col>
          <xdr:colOff>38100</xdr:colOff>
          <xdr:row>35</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1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6</xdr:row>
          <xdr:rowOff>0</xdr:rowOff>
        </xdr:from>
        <xdr:to>
          <xdr:col>1</xdr:col>
          <xdr:colOff>38100</xdr:colOff>
          <xdr:row>36</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1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37"/>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H156"/>
  <sheetViews>
    <sheetView showGridLines="0" tabSelected="1" topLeftCell="A109" zoomScale="80" zoomScaleNormal="80" workbookViewId="0">
      <selection activeCell="H28" sqref="H28"/>
    </sheetView>
  </sheetViews>
  <sheetFormatPr defaultColWidth="9.140625" defaultRowHeight="12.75" x14ac:dyDescent="0.2"/>
  <cols>
    <col min="1" max="1" width="12.7109375"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68" t="s">
        <v>39</v>
      </c>
      <c r="B1" s="168"/>
      <c r="C1" s="168"/>
      <c r="D1" s="168"/>
      <c r="E1" s="168"/>
    </row>
    <row r="2" spans="1:5" ht="27.75" customHeight="1" x14ac:dyDescent="0.2">
      <c r="A2" s="169" t="s">
        <v>38</v>
      </c>
      <c r="B2" s="169"/>
      <c r="C2" s="169"/>
      <c r="D2" s="169"/>
      <c r="E2" s="169"/>
    </row>
    <row r="3" spans="1:5" ht="54.75" customHeight="1" x14ac:dyDescent="0.2">
      <c r="A3" s="170" t="s">
        <v>43</v>
      </c>
      <c r="B3" s="170"/>
      <c r="C3" s="170"/>
      <c r="D3" s="170"/>
      <c r="E3" s="170"/>
    </row>
    <row r="4" spans="1:5" ht="24.95" customHeight="1" x14ac:dyDescent="0.2">
      <c r="A4" s="63" t="s">
        <v>42</v>
      </c>
      <c r="B4" s="25"/>
      <c r="C4" s="6"/>
      <c r="D4" s="6"/>
    </row>
    <row r="5" spans="1:5" ht="24.95" customHeight="1" x14ac:dyDescent="0.2">
      <c r="A5" s="63" t="s">
        <v>40</v>
      </c>
      <c r="B5" s="26"/>
      <c r="C5" s="6"/>
      <c r="D5" s="6"/>
    </row>
    <row r="6" spans="1:5" ht="5.0999999999999996" customHeight="1" x14ac:dyDescent="0.2">
      <c r="A6" s="6"/>
      <c r="B6" s="6"/>
      <c r="C6" s="6"/>
      <c r="D6" s="6"/>
    </row>
    <row r="7" spans="1:5" s="2" customFormat="1" ht="20.100000000000001" customHeight="1" x14ac:dyDescent="0.25">
      <c r="A7" s="150" t="s">
        <v>4</v>
      </c>
      <c r="B7" s="150"/>
      <c r="C7" s="150"/>
      <c r="D7" s="150"/>
      <c r="E7" s="150"/>
    </row>
    <row r="8" spans="1:5" s="2" customFormat="1" ht="20.100000000000001" customHeight="1" x14ac:dyDescent="0.25">
      <c r="A8" s="171" t="s">
        <v>7</v>
      </c>
      <c r="B8" s="171"/>
      <c r="C8" s="171"/>
      <c r="D8" s="171"/>
    </row>
    <row r="9" spans="1:5" ht="30.75" customHeight="1" x14ac:dyDescent="0.2">
      <c r="A9" s="145" t="s">
        <v>69</v>
      </c>
      <c r="B9" s="145"/>
      <c r="C9" s="145"/>
      <c r="D9" s="145"/>
      <c r="E9" s="145"/>
    </row>
    <row r="10" spans="1:5" ht="4.5" customHeight="1" x14ac:dyDescent="0.2">
      <c r="A10" s="56"/>
      <c r="B10" s="23"/>
      <c r="C10" s="23"/>
      <c r="D10" s="23"/>
    </row>
    <row r="11" spans="1:5" s="50" customFormat="1" ht="20.100000000000001" customHeight="1" x14ac:dyDescent="0.25">
      <c r="A11" s="163" t="s">
        <v>8</v>
      </c>
      <c r="B11" s="163"/>
      <c r="C11" s="163"/>
      <c r="D11" s="163"/>
    </row>
    <row r="12" spans="1:5" s="2" customFormat="1" ht="20.100000000000001" customHeight="1" x14ac:dyDescent="0.25">
      <c r="A12" s="164" t="s">
        <v>66</v>
      </c>
      <c r="B12" s="164"/>
      <c r="C12" s="91"/>
      <c r="D12" s="27"/>
    </row>
    <row r="13" spans="1:5" s="2" customFormat="1" ht="20.100000000000001" customHeight="1" x14ac:dyDescent="0.25">
      <c r="A13" s="165" t="s">
        <v>67</v>
      </c>
      <c r="B13" s="165"/>
      <c r="C13" s="91"/>
      <c r="D13" s="27"/>
    </row>
    <row r="14" spans="1:5" s="2" customFormat="1" ht="20.100000000000001" customHeight="1" x14ac:dyDescent="0.25">
      <c r="A14" s="166" t="s">
        <v>65</v>
      </c>
      <c r="B14" s="166"/>
      <c r="C14" s="65"/>
      <c r="D14" s="27"/>
    </row>
    <row r="15" spans="1:5" s="3" customFormat="1" ht="20.100000000000001" customHeight="1" x14ac:dyDescent="0.25">
      <c r="A15" s="166" t="s">
        <v>73</v>
      </c>
      <c r="B15" s="166"/>
      <c r="C15" s="90"/>
      <c r="D15" s="12"/>
    </row>
    <row r="16" spans="1:5" ht="4.5" customHeight="1" x14ac:dyDescent="0.2">
      <c r="A16" s="56"/>
      <c r="B16" s="23"/>
      <c r="C16" s="23"/>
      <c r="D16" s="23"/>
    </row>
    <row r="17" spans="1:5" ht="20.100000000000001" customHeight="1" x14ac:dyDescent="0.2">
      <c r="A17" s="27" t="s">
        <v>9</v>
      </c>
      <c r="B17" s="13"/>
      <c r="C17" s="13"/>
      <c r="D17" s="14"/>
    </row>
    <row r="18" spans="1:5" s="3" customFormat="1" ht="24.95" customHeight="1" x14ac:dyDescent="0.25">
      <c r="A18" s="167" t="s">
        <v>61</v>
      </c>
      <c r="B18" s="167"/>
      <c r="C18" s="167"/>
      <c r="D18" s="12"/>
    </row>
    <row r="19" spans="1:5" ht="5.0999999999999996" customHeight="1" x14ac:dyDescent="0.2">
      <c r="A19" s="149"/>
      <c r="B19" s="149"/>
      <c r="C19" s="149"/>
    </row>
    <row r="20" spans="1:5" s="2" customFormat="1" ht="20.100000000000001" customHeight="1" x14ac:dyDescent="0.25">
      <c r="A20" s="150" t="s">
        <v>16</v>
      </c>
      <c r="B20" s="150"/>
      <c r="C20" s="150"/>
      <c r="D20" s="150"/>
      <c r="E20" s="150"/>
    </row>
    <row r="21" spans="1:5" s="51" customFormat="1" ht="42.75" customHeight="1" x14ac:dyDescent="0.2">
      <c r="A21" s="145" t="s">
        <v>70</v>
      </c>
      <c r="B21" s="145"/>
      <c r="C21" s="145"/>
      <c r="D21" s="145"/>
      <c r="E21" s="145"/>
    </row>
    <row r="22" spans="1:5" ht="5.0999999999999996" customHeight="1" x14ac:dyDescent="0.2">
      <c r="A22" s="149"/>
      <c r="B22" s="149"/>
      <c r="C22" s="149"/>
    </row>
    <row r="23" spans="1:5" s="2" customFormat="1" ht="20.100000000000001" customHeight="1" x14ac:dyDescent="0.25">
      <c r="A23" s="150" t="s">
        <v>17</v>
      </c>
      <c r="B23" s="150"/>
      <c r="C23" s="150"/>
      <c r="D23" s="150"/>
      <c r="E23" s="150"/>
    </row>
    <row r="24" spans="1:5" s="2" customFormat="1" ht="20.100000000000001" customHeight="1" x14ac:dyDescent="0.25">
      <c r="A24" s="153" t="s">
        <v>5</v>
      </c>
      <c r="B24" s="153"/>
      <c r="C24" s="153"/>
      <c r="D24" s="153"/>
    </row>
    <row r="25" spans="1:5" s="2" customFormat="1" ht="20.100000000000001" customHeight="1" x14ac:dyDescent="0.25">
      <c r="A25" s="151" t="s">
        <v>13</v>
      </c>
      <c r="B25" s="152"/>
      <c r="C25" s="11"/>
      <c r="D25" s="11"/>
    </row>
    <row r="26" spans="1:5" s="50" customFormat="1" ht="20.100000000000001" customHeight="1" x14ac:dyDescent="0.25">
      <c r="A26" s="39"/>
      <c r="B26" s="69" t="s">
        <v>68</v>
      </c>
      <c r="C26" s="52"/>
      <c r="D26" s="52"/>
    </row>
    <row r="27" spans="1:5" s="2" customFormat="1" ht="20.100000000000001" customHeight="1" x14ac:dyDescent="0.25">
      <c r="A27" s="6"/>
      <c r="B27" s="10" t="s">
        <v>15</v>
      </c>
      <c r="C27" s="11"/>
      <c r="D27" s="11"/>
    </row>
    <row r="28" spans="1:5" s="2" customFormat="1" ht="20.100000000000001" customHeight="1" x14ac:dyDescent="0.25">
      <c r="A28" s="151" t="s">
        <v>75</v>
      </c>
      <c r="B28" s="152"/>
      <c r="C28" s="11"/>
      <c r="D28" s="11"/>
    </row>
    <row r="29" spans="1:5" s="50" customFormat="1" ht="20.25" customHeight="1" x14ac:dyDescent="0.25">
      <c r="A29" s="154"/>
      <c r="B29" s="154"/>
      <c r="C29" s="154"/>
      <c r="D29" s="154"/>
      <c r="E29" s="154"/>
    </row>
    <row r="30" spans="1:5" s="6" customFormat="1" ht="31.5" customHeight="1" x14ac:dyDescent="0.25">
      <c r="A30" s="44" t="s">
        <v>54</v>
      </c>
      <c r="B30" s="42" t="s">
        <v>74</v>
      </c>
      <c r="C30" s="43"/>
      <c r="D30" s="44" t="s">
        <v>60</v>
      </c>
      <c r="E30" s="44" t="s">
        <v>64</v>
      </c>
    </row>
    <row r="31" spans="1:5" s="2" customFormat="1" ht="38.25" customHeight="1" x14ac:dyDescent="0.25">
      <c r="A31" s="35" t="s">
        <v>55</v>
      </c>
      <c r="B31" s="161" t="s">
        <v>77</v>
      </c>
      <c r="C31" s="162"/>
      <c r="D31" s="89" t="s">
        <v>1</v>
      </c>
      <c r="E31" s="85">
        <v>75</v>
      </c>
    </row>
    <row r="32" spans="1:5" s="2" customFormat="1" ht="27" customHeight="1" x14ac:dyDescent="0.25">
      <c r="A32" s="35" t="s">
        <v>56</v>
      </c>
      <c r="B32" s="92" t="s">
        <v>72</v>
      </c>
      <c r="C32" s="93"/>
      <c r="D32" s="89" t="s">
        <v>1</v>
      </c>
      <c r="E32" s="85">
        <v>90</v>
      </c>
    </row>
    <row r="33" spans="1:8" s="2" customFormat="1" ht="27" customHeight="1" x14ac:dyDescent="0.25">
      <c r="A33" s="115" t="s">
        <v>71</v>
      </c>
      <c r="B33" s="161" t="s">
        <v>76</v>
      </c>
      <c r="C33" s="162"/>
      <c r="D33" s="85" t="s">
        <v>1</v>
      </c>
      <c r="E33" s="95">
        <v>1500</v>
      </c>
    </row>
    <row r="34" spans="1:8" s="2" customFormat="1" ht="27.75" customHeight="1" x14ac:dyDescent="0.25">
      <c r="A34" s="99"/>
      <c r="B34" s="96"/>
      <c r="C34" s="97"/>
      <c r="D34" s="98" t="s">
        <v>78</v>
      </c>
      <c r="E34" s="128">
        <f>SUM(E31:E33)</f>
        <v>1665</v>
      </c>
    </row>
    <row r="35" spans="1:8" s="2" customFormat="1" ht="10.5" customHeight="1" x14ac:dyDescent="0.25">
      <c r="A35" s="151" t="s">
        <v>14</v>
      </c>
      <c r="B35" s="151"/>
      <c r="C35" s="87"/>
      <c r="D35" s="87"/>
    </row>
    <row r="36" spans="1:8" s="2" customFormat="1" ht="27" customHeight="1" x14ac:dyDescent="0.2">
      <c r="A36" s="8"/>
      <c r="B36" s="2" t="s">
        <v>2</v>
      </c>
      <c r="C36" s="87"/>
      <c r="D36" s="87"/>
      <c r="G36" s="86"/>
      <c r="H36" s="86"/>
    </row>
    <row r="37" spans="1:8" s="2" customFormat="1" ht="27" customHeight="1" x14ac:dyDescent="0.25">
      <c r="A37" s="88"/>
      <c r="B37" s="2" t="s">
        <v>3</v>
      </c>
      <c r="C37" s="87"/>
      <c r="D37" s="87"/>
    </row>
    <row r="38" spans="1:8" s="2" customFormat="1" ht="20.100000000000001" customHeight="1" x14ac:dyDescent="0.25">
      <c r="A38" s="150" t="s">
        <v>18</v>
      </c>
      <c r="B38" s="150"/>
      <c r="C38" s="150"/>
      <c r="D38" s="150"/>
      <c r="E38" s="150"/>
    </row>
    <row r="39" spans="1:8" s="2" customFormat="1" ht="5.0999999999999996" customHeight="1" thickBot="1" x14ac:dyDescent="0.3">
      <c r="A39" s="88"/>
      <c r="C39" s="88"/>
      <c r="D39" s="88"/>
    </row>
    <row r="40" spans="1:8" s="3" customFormat="1" ht="96.75" customHeight="1" x14ac:dyDescent="0.25">
      <c r="A40" s="155" t="s">
        <v>0</v>
      </c>
      <c r="B40" s="156"/>
      <c r="C40" s="159" t="s">
        <v>19</v>
      </c>
      <c r="D40" s="160"/>
      <c r="E40" s="15"/>
    </row>
    <row r="41" spans="1:8" s="3" customFormat="1" ht="30.75" customHeight="1" x14ac:dyDescent="0.25">
      <c r="A41" s="157"/>
      <c r="B41" s="158"/>
      <c r="C41" s="60" t="s">
        <v>20</v>
      </c>
      <c r="D41" s="59" t="s">
        <v>21</v>
      </c>
    </row>
    <row r="42" spans="1:8" s="4" customFormat="1" ht="37.5" customHeight="1" x14ac:dyDescent="0.25">
      <c r="A42" s="146" t="s">
        <v>94</v>
      </c>
      <c r="B42" s="147"/>
      <c r="C42" s="147"/>
      <c r="D42" s="148"/>
    </row>
    <row r="43" spans="1:8" s="4" customFormat="1" ht="56.25" customHeight="1" x14ac:dyDescent="0.25">
      <c r="A43" s="29" t="s">
        <v>62</v>
      </c>
      <c r="B43" s="101" t="s">
        <v>143</v>
      </c>
      <c r="C43" s="28"/>
      <c r="D43" s="68"/>
    </row>
    <row r="44" spans="1:8" s="4" customFormat="1" ht="36" customHeight="1" x14ac:dyDescent="0.25">
      <c r="A44" s="29" t="s">
        <v>105</v>
      </c>
      <c r="B44" s="101" t="s">
        <v>82</v>
      </c>
      <c r="C44" s="28"/>
      <c r="D44" s="68"/>
    </row>
    <row r="45" spans="1:8" s="4" customFormat="1" ht="54" customHeight="1" x14ac:dyDescent="0.25">
      <c r="A45" s="29" t="s">
        <v>106</v>
      </c>
      <c r="B45" s="102" t="s">
        <v>83</v>
      </c>
      <c r="C45" s="28"/>
      <c r="D45" s="68"/>
    </row>
    <row r="46" spans="1:8" s="4" customFormat="1" ht="36" customHeight="1" x14ac:dyDescent="0.25">
      <c r="A46" s="29" t="s">
        <v>107</v>
      </c>
      <c r="B46" s="101" t="s">
        <v>79</v>
      </c>
      <c r="C46" s="28"/>
      <c r="D46" s="68"/>
    </row>
    <row r="47" spans="1:8" s="4" customFormat="1" ht="36" customHeight="1" x14ac:dyDescent="0.25">
      <c r="A47" s="29" t="s">
        <v>108</v>
      </c>
      <c r="B47" s="101" t="s">
        <v>84</v>
      </c>
      <c r="C47" s="28"/>
      <c r="D47" s="68"/>
    </row>
    <row r="48" spans="1:8" s="4" customFormat="1" ht="36" customHeight="1" x14ac:dyDescent="0.25">
      <c r="A48" s="29" t="s">
        <v>109</v>
      </c>
      <c r="B48" s="102" t="s">
        <v>85</v>
      </c>
      <c r="C48" s="28"/>
      <c r="D48" s="68"/>
    </row>
    <row r="49" spans="1:4" s="4" customFormat="1" ht="36" customHeight="1" x14ac:dyDescent="0.25">
      <c r="A49" s="29" t="s">
        <v>110</v>
      </c>
      <c r="B49" s="102" t="s">
        <v>86</v>
      </c>
      <c r="C49" s="28"/>
      <c r="D49" s="68"/>
    </row>
    <row r="50" spans="1:4" s="4" customFormat="1" ht="48" customHeight="1" x14ac:dyDescent="0.25">
      <c r="A50" s="29" t="s">
        <v>111</v>
      </c>
      <c r="B50" s="10" t="s">
        <v>87</v>
      </c>
      <c r="C50" s="28"/>
      <c r="D50" s="68"/>
    </row>
    <row r="51" spans="1:4" s="4" customFormat="1" ht="36" customHeight="1" x14ac:dyDescent="0.25">
      <c r="A51" s="29" t="s">
        <v>112</v>
      </c>
      <c r="B51" s="101" t="s">
        <v>80</v>
      </c>
      <c r="C51" s="28"/>
      <c r="D51" s="68"/>
    </row>
    <row r="52" spans="1:4" s="4" customFormat="1" ht="36" customHeight="1" x14ac:dyDescent="0.25">
      <c r="A52" s="29" t="s">
        <v>113</v>
      </c>
      <c r="B52" s="101" t="s">
        <v>88</v>
      </c>
      <c r="C52" s="28"/>
      <c r="D52" s="68"/>
    </row>
    <row r="53" spans="1:4" s="4" customFormat="1" ht="36" customHeight="1" x14ac:dyDescent="0.25">
      <c r="A53" s="29" t="s">
        <v>114</v>
      </c>
      <c r="B53" s="101" t="s">
        <v>89</v>
      </c>
      <c r="C53" s="28"/>
      <c r="D53" s="68"/>
    </row>
    <row r="54" spans="1:4" s="4" customFormat="1" ht="36" customHeight="1" x14ac:dyDescent="0.25">
      <c r="A54" s="29" t="s">
        <v>115</v>
      </c>
      <c r="B54" s="101" t="s">
        <v>81</v>
      </c>
      <c r="C54" s="28"/>
      <c r="D54" s="68"/>
    </row>
    <row r="55" spans="1:4" s="4" customFormat="1" ht="36" customHeight="1" x14ac:dyDescent="0.25">
      <c r="A55" s="29" t="s">
        <v>116</v>
      </c>
      <c r="B55" s="101" t="s">
        <v>90</v>
      </c>
      <c r="C55" s="28"/>
      <c r="D55" s="68"/>
    </row>
    <row r="56" spans="1:4" s="4" customFormat="1" ht="36" customHeight="1" x14ac:dyDescent="0.2">
      <c r="A56" s="29" t="s">
        <v>117</v>
      </c>
      <c r="B56" s="103" t="s">
        <v>91</v>
      </c>
      <c r="C56" s="28" t="s">
        <v>63</v>
      </c>
      <c r="D56" s="31"/>
    </row>
    <row r="57" spans="1:4" s="4" customFormat="1" ht="36" customHeight="1" x14ac:dyDescent="0.25">
      <c r="A57" s="131" t="s">
        <v>118</v>
      </c>
      <c r="B57" s="132" t="s">
        <v>92</v>
      </c>
      <c r="C57" s="135"/>
      <c r="D57" s="134"/>
    </row>
    <row r="58" spans="1:4" s="4" customFormat="1" ht="36" customHeight="1" x14ac:dyDescent="0.25">
      <c r="A58" s="129" t="s">
        <v>119</v>
      </c>
      <c r="B58" s="130" t="s">
        <v>93</v>
      </c>
      <c r="C58" s="136"/>
      <c r="D58" s="133"/>
    </row>
    <row r="59" spans="1:4" s="4" customFormat="1" ht="36" customHeight="1" x14ac:dyDescent="0.25">
      <c r="A59" s="104" t="s">
        <v>120</v>
      </c>
      <c r="B59" s="101" t="s">
        <v>195</v>
      </c>
      <c r="C59" s="137"/>
      <c r="D59" s="67"/>
    </row>
    <row r="60" spans="1:4" s="4" customFormat="1" ht="36" customHeight="1" x14ac:dyDescent="0.25">
      <c r="A60" s="104" t="s">
        <v>121</v>
      </c>
      <c r="B60" s="101" t="s">
        <v>196</v>
      </c>
      <c r="C60" s="137"/>
      <c r="D60" s="67"/>
    </row>
    <row r="61" spans="1:4" s="4" customFormat="1" ht="36" customHeight="1" x14ac:dyDescent="0.25">
      <c r="A61" s="146" t="s">
        <v>95</v>
      </c>
      <c r="B61" s="147"/>
      <c r="C61" s="147"/>
      <c r="D61" s="148"/>
    </row>
    <row r="62" spans="1:4" s="4" customFormat="1" ht="57" customHeight="1" x14ac:dyDescent="0.25">
      <c r="A62" s="104" t="s">
        <v>11</v>
      </c>
      <c r="B62" s="100" t="s">
        <v>96</v>
      </c>
      <c r="C62" s="66"/>
      <c r="D62" s="67"/>
    </row>
    <row r="63" spans="1:4" s="4" customFormat="1" ht="36" customHeight="1" x14ac:dyDescent="0.25">
      <c r="A63" s="146" t="s">
        <v>97</v>
      </c>
      <c r="B63" s="147"/>
      <c r="C63" s="147"/>
      <c r="D63" s="148"/>
    </row>
    <row r="64" spans="1:4" s="4" customFormat="1" ht="42.75" customHeight="1" x14ac:dyDescent="0.25">
      <c r="A64" s="104" t="s">
        <v>11</v>
      </c>
      <c r="B64" s="101" t="s">
        <v>197</v>
      </c>
      <c r="C64" s="66"/>
      <c r="D64" s="67"/>
    </row>
    <row r="65" spans="1:4" s="4" customFormat="1" ht="35.25" customHeight="1" x14ac:dyDescent="0.25">
      <c r="A65" s="104" t="s">
        <v>46</v>
      </c>
      <c r="B65" s="101" t="s">
        <v>98</v>
      </c>
      <c r="C65" s="66"/>
      <c r="D65" s="67"/>
    </row>
    <row r="66" spans="1:4" s="4" customFormat="1" ht="36" customHeight="1" x14ac:dyDescent="0.25">
      <c r="A66" s="104" t="s">
        <v>106</v>
      </c>
      <c r="B66" s="101" t="s">
        <v>99</v>
      </c>
      <c r="C66" s="66"/>
      <c r="D66" s="67"/>
    </row>
    <row r="67" spans="1:4" s="4" customFormat="1" ht="35.25" customHeight="1" x14ac:dyDescent="0.25">
      <c r="A67" s="104" t="s">
        <v>107</v>
      </c>
      <c r="B67" s="101" t="s">
        <v>104</v>
      </c>
      <c r="C67" s="66"/>
      <c r="D67" s="67"/>
    </row>
    <row r="68" spans="1:4" s="4" customFormat="1" ht="39.75" customHeight="1" x14ac:dyDescent="0.25">
      <c r="A68" s="64" t="s">
        <v>122</v>
      </c>
      <c r="B68" s="101" t="s">
        <v>100</v>
      </c>
      <c r="C68" s="66"/>
      <c r="D68" s="67"/>
    </row>
    <row r="69" spans="1:4" s="4" customFormat="1" ht="39.75" customHeight="1" x14ac:dyDescent="0.25">
      <c r="A69" s="64" t="s">
        <v>123</v>
      </c>
      <c r="B69" s="101" t="s">
        <v>101</v>
      </c>
      <c r="C69" s="66"/>
      <c r="D69" s="67"/>
    </row>
    <row r="70" spans="1:4" s="4" customFormat="1" ht="39.75" customHeight="1" x14ac:dyDescent="0.25">
      <c r="A70" s="64" t="s">
        <v>124</v>
      </c>
      <c r="B70" s="101" t="s">
        <v>102</v>
      </c>
      <c r="C70" s="66"/>
      <c r="D70" s="67"/>
    </row>
    <row r="71" spans="1:4" s="4" customFormat="1" ht="39.75" customHeight="1" x14ac:dyDescent="0.25">
      <c r="A71" s="64" t="s">
        <v>125</v>
      </c>
      <c r="B71" s="101" t="s">
        <v>192</v>
      </c>
      <c r="C71" s="66"/>
      <c r="D71" s="67"/>
    </row>
    <row r="72" spans="1:4" s="4" customFormat="1" ht="39.75" customHeight="1" x14ac:dyDescent="0.25">
      <c r="A72" s="64" t="s">
        <v>126</v>
      </c>
      <c r="B72" s="101" t="s">
        <v>103</v>
      </c>
      <c r="C72" s="66"/>
      <c r="D72" s="67"/>
    </row>
    <row r="73" spans="1:4" s="4" customFormat="1" ht="34.5" customHeight="1" x14ac:dyDescent="0.25">
      <c r="A73" s="64" t="s">
        <v>127</v>
      </c>
      <c r="B73" s="101" t="s">
        <v>193</v>
      </c>
      <c r="C73" s="66"/>
      <c r="D73" s="67"/>
    </row>
    <row r="74" spans="1:4" s="4" customFormat="1" ht="36" customHeight="1" thickBot="1" x14ac:dyDescent="0.3">
      <c r="A74" s="138" t="s">
        <v>128</v>
      </c>
      <c r="B74" s="139" t="s">
        <v>194</v>
      </c>
      <c r="C74" s="140"/>
      <c r="D74" s="141"/>
    </row>
    <row r="75" spans="1:4" s="4" customFormat="1" ht="6.75" customHeight="1" x14ac:dyDescent="0.25">
      <c r="A75" s="7"/>
      <c r="B75" s="5"/>
      <c r="C75" s="7"/>
      <c r="D75" s="7"/>
    </row>
    <row r="76" spans="1:4" s="3" customFormat="1" ht="21.75" customHeight="1" x14ac:dyDescent="0.25">
      <c r="A76" s="150" t="s">
        <v>52</v>
      </c>
      <c r="B76" s="150"/>
      <c r="C76" s="150"/>
      <c r="D76" s="150"/>
    </row>
    <row r="77" spans="1:4" s="2" customFormat="1" ht="5.0999999999999996" customHeight="1" thickBot="1" x14ac:dyDescent="0.3">
      <c r="A77" s="6"/>
      <c r="C77" s="6"/>
      <c r="D77" s="6"/>
    </row>
    <row r="78" spans="1:4" s="3" customFormat="1" ht="83.25" customHeight="1" x14ac:dyDescent="0.25">
      <c r="A78" s="155" t="s">
        <v>53</v>
      </c>
      <c r="B78" s="156"/>
      <c r="C78" s="159" t="s">
        <v>22</v>
      </c>
      <c r="D78" s="160"/>
    </row>
    <row r="79" spans="1:4" s="3" customFormat="1" ht="35.25" customHeight="1" thickBot="1" x14ac:dyDescent="0.3">
      <c r="A79" s="179"/>
      <c r="B79" s="180"/>
      <c r="C79" s="16" t="s">
        <v>6</v>
      </c>
      <c r="D79" s="59" t="s">
        <v>23</v>
      </c>
    </row>
    <row r="80" spans="1:4" s="2" customFormat="1" ht="61.5" customHeight="1" x14ac:dyDescent="0.25">
      <c r="A80" s="74" t="s">
        <v>11</v>
      </c>
      <c r="B80" s="84" t="s">
        <v>144</v>
      </c>
      <c r="C80" s="28"/>
      <c r="D80" s="55"/>
    </row>
    <row r="81" spans="1:4" s="2" customFormat="1" ht="56.25" customHeight="1" x14ac:dyDescent="0.25">
      <c r="A81" s="75" t="s">
        <v>46</v>
      </c>
      <c r="B81" s="70" t="s">
        <v>145</v>
      </c>
      <c r="C81" s="28"/>
      <c r="D81" s="36"/>
    </row>
    <row r="82" spans="1:4" s="2" customFormat="1" ht="27" customHeight="1" x14ac:dyDescent="0.25">
      <c r="A82" s="76" t="s">
        <v>47</v>
      </c>
      <c r="B82" s="77" t="s">
        <v>146</v>
      </c>
      <c r="C82" s="94"/>
      <c r="D82" s="46"/>
    </row>
    <row r="83" spans="1:4" s="2" customFormat="1" ht="27" customHeight="1" x14ac:dyDescent="0.25">
      <c r="A83" s="78" t="s">
        <v>147</v>
      </c>
      <c r="B83" s="79" t="s">
        <v>148</v>
      </c>
      <c r="C83" s="123"/>
      <c r="D83" s="47"/>
    </row>
    <row r="84" spans="1:4" s="2" customFormat="1" ht="27" customHeight="1" x14ac:dyDescent="0.25">
      <c r="A84" s="78" t="s">
        <v>149</v>
      </c>
      <c r="B84" s="80" t="s">
        <v>150</v>
      </c>
      <c r="C84" s="123"/>
      <c r="D84" s="38"/>
    </row>
    <row r="85" spans="1:4" s="2" customFormat="1" ht="27" customHeight="1" x14ac:dyDescent="0.25">
      <c r="A85" s="78" t="s">
        <v>151</v>
      </c>
      <c r="B85" s="82" t="s">
        <v>152</v>
      </c>
      <c r="C85" s="123"/>
      <c r="D85" s="49"/>
    </row>
    <row r="86" spans="1:4" s="2" customFormat="1" ht="58.5" customHeight="1" x14ac:dyDescent="0.25">
      <c r="A86" s="81" t="s">
        <v>153</v>
      </c>
      <c r="B86" s="83" t="s">
        <v>154</v>
      </c>
      <c r="C86" s="122"/>
      <c r="D86" s="48"/>
    </row>
    <row r="87" spans="1:4" s="2" customFormat="1" ht="131.25" customHeight="1" x14ac:dyDescent="0.25">
      <c r="A87" s="74" t="s">
        <v>155</v>
      </c>
      <c r="B87" s="71" t="s">
        <v>156</v>
      </c>
      <c r="C87" s="28"/>
      <c r="D87" s="55"/>
    </row>
    <row r="88" spans="1:4" s="2" customFormat="1" ht="171" customHeight="1" x14ac:dyDescent="0.25">
      <c r="A88" s="74" t="s">
        <v>48</v>
      </c>
      <c r="B88" s="107" t="s">
        <v>189</v>
      </c>
      <c r="C88" s="28"/>
      <c r="D88" s="36"/>
    </row>
    <row r="89" spans="1:4" s="2" customFormat="1" ht="61.5" customHeight="1" x14ac:dyDescent="0.25">
      <c r="A89" s="74" t="s">
        <v>135</v>
      </c>
      <c r="B89" s="70" t="s">
        <v>157</v>
      </c>
      <c r="C89" s="28"/>
      <c r="D89" s="36"/>
    </row>
    <row r="90" spans="1:4" s="2" customFormat="1" ht="64.5" customHeight="1" x14ac:dyDescent="0.25">
      <c r="A90" s="74" t="s">
        <v>142</v>
      </c>
      <c r="B90" s="73" t="s">
        <v>158</v>
      </c>
      <c r="C90" s="28"/>
      <c r="D90" s="36"/>
    </row>
    <row r="91" spans="1:4" s="2" customFormat="1" ht="54.75" customHeight="1" x14ac:dyDescent="0.25">
      <c r="A91" s="74" t="s">
        <v>159</v>
      </c>
      <c r="B91" s="70" t="s">
        <v>160</v>
      </c>
      <c r="C91" s="28"/>
      <c r="D91" s="36"/>
    </row>
    <row r="92" spans="1:4" s="2" customFormat="1" ht="89.25" customHeight="1" x14ac:dyDescent="0.25">
      <c r="A92" s="74" t="s">
        <v>161</v>
      </c>
      <c r="B92" s="70" t="s">
        <v>162</v>
      </c>
      <c r="C92" s="28"/>
      <c r="D92" s="36"/>
    </row>
    <row r="93" spans="1:4" s="2" customFormat="1" ht="315" customHeight="1" x14ac:dyDescent="0.25">
      <c r="A93" s="74" t="s">
        <v>163</v>
      </c>
      <c r="B93" s="70" t="s">
        <v>164</v>
      </c>
      <c r="C93" s="28"/>
      <c r="D93" s="36"/>
    </row>
    <row r="94" spans="1:4" s="2" customFormat="1" ht="150" customHeight="1" x14ac:dyDescent="0.25">
      <c r="A94" s="74" t="s">
        <v>165</v>
      </c>
      <c r="B94" s="70" t="s">
        <v>166</v>
      </c>
      <c r="C94" s="28"/>
      <c r="D94" s="36"/>
    </row>
    <row r="95" spans="1:4" s="2" customFormat="1" ht="147.75" customHeight="1" x14ac:dyDescent="0.25">
      <c r="A95" s="74" t="s">
        <v>167</v>
      </c>
      <c r="B95" s="70" t="s">
        <v>168</v>
      </c>
      <c r="C95" s="28"/>
      <c r="D95" s="36"/>
    </row>
    <row r="96" spans="1:4" s="2" customFormat="1" ht="93.75" customHeight="1" x14ac:dyDescent="0.25">
      <c r="A96" s="74" t="s">
        <v>169</v>
      </c>
      <c r="B96" s="70" t="s">
        <v>170</v>
      </c>
      <c r="C96" s="28"/>
      <c r="D96" s="36"/>
    </row>
    <row r="97" spans="1:5" s="2" customFormat="1" ht="116.25" customHeight="1" x14ac:dyDescent="0.25">
      <c r="A97" s="74" t="s">
        <v>171</v>
      </c>
      <c r="B97" s="70" t="s">
        <v>172</v>
      </c>
      <c r="C97" s="28"/>
      <c r="D97" s="36"/>
    </row>
    <row r="98" spans="1:5" s="2" customFormat="1" ht="39" customHeight="1" x14ac:dyDescent="0.25">
      <c r="A98" s="74" t="s">
        <v>173</v>
      </c>
      <c r="B98" s="70" t="s">
        <v>174</v>
      </c>
      <c r="C98" s="28"/>
      <c r="D98" s="36"/>
    </row>
    <row r="99" spans="1:5" s="2" customFormat="1" ht="67.5" customHeight="1" x14ac:dyDescent="0.25">
      <c r="A99" s="74" t="s">
        <v>175</v>
      </c>
      <c r="B99" s="70" t="s">
        <v>176</v>
      </c>
      <c r="C99" s="28"/>
      <c r="D99" s="36"/>
    </row>
    <row r="100" spans="1:5" s="2" customFormat="1" ht="92.25" customHeight="1" x14ac:dyDescent="0.25">
      <c r="A100" s="74" t="s">
        <v>177</v>
      </c>
      <c r="B100" s="70" t="s">
        <v>178</v>
      </c>
      <c r="C100" s="28"/>
      <c r="D100" s="36"/>
    </row>
    <row r="101" spans="1:5" s="2" customFormat="1" ht="213" customHeight="1" x14ac:dyDescent="0.25">
      <c r="A101" s="74" t="s">
        <v>179</v>
      </c>
      <c r="B101" s="70" t="s">
        <v>180</v>
      </c>
      <c r="C101" s="28"/>
      <c r="D101" s="36"/>
    </row>
    <row r="102" spans="1:5" s="2" customFormat="1" ht="103.5" customHeight="1" x14ac:dyDescent="0.25">
      <c r="A102" s="74" t="s">
        <v>181</v>
      </c>
      <c r="B102" s="70" t="s">
        <v>182</v>
      </c>
      <c r="C102" s="28"/>
      <c r="D102" s="36"/>
    </row>
    <row r="103" spans="1:5" s="2" customFormat="1" ht="141" customHeight="1" x14ac:dyDescent="0.25">
      <c r="A103" s="74" t="s">
        <v>183</v>
      </c>
      <c r="B103" s="70" t="s">
        <v>184</v>
      </c>
      <c r="C103" s="28"/>
      <c r="D103" s="36"/>
    </row>
    <row r="104" spans="1:5" s="2" customFormat="1" ht="72" customHeight="1" x14ac:dyDescent="0.25">
      <c r="A104" s="74" t="s">
        <v>185</v>
      </c>
      <c r="B104" s="72" t="s">
        <v>186</v>
      </c>
      <c r="C104" s="28"/>
      <c r="D104" s="36"/>
    </row>
    <row r="105" spans="1:5" s="2" customFormat="1" ht="53.25" customHeight="1" thickBot="1" x14ac:dyDescent="0.3">
      <c r="A105" s="124" t="s">
        <v>187</v>
      </c>
      <c r="B105" s="125" t="s">
        <v>188</v>
      </c>
      <c r="C105" s="126"/>
      <c r="D105" s="127"/>
    </row>
    <row r="106" spans="1:5" s="3" customFormat="1" ht="6.75" customHeight="1" x14ac:dyDescent="0.25">
      <c r="A106" s="40"/>
      <c r="B106" s="41"/>
      <c r="C106" s="7"/>
      <c r="D106" s="7"/>
      <c r="E106" s="2"/>
    </row>
    <row r="107" spans="1:5" s="2" customFormat="1" ht="20.100000000000001" customHeight="1" x14ac:dyDescent="0.25">
      <c r="A107" s="150" t="s">
        <v>44</v>
      </c>
      <c r="B107" s="150"/>
      <c r="C107" s="150"/>
      <c r="D107" s="150"/>
    </row>
    <row r="108" spans="1:5" s="2" customFormat="1" ht="4.5" customHeight="1" thickBot="1" x14ac:dyDescent="0.3">
      <c r="A108" s="6"/>
    </row>
    <row r="109" spans="1:5" s="2" customFormat="1" ht="87" customHeight="1" x14ac:dyDescent="0.25">
      <c r="A109" s="155" t="s">
        <v>57</v>
      </c>
      <c r="B109" s="156"/>
      <c r="C109" s="177" t="s">
        <v>45</v>
      </c>
      <c r="D109" s="178"/>
    </row>
    <row r="110" spans="1:5" s="3" customFormat="1" ht="37.5" customHeight="1" x14ac:dyDescent="0.25">
      <c r="A110" s="157"/>
      <c r="B110" s="158"/>
      <c r="C110" s="60" t="s">
        <v>6</v>
      </c>
      <c r="D110" s="119" t="s">
        <v>23</v>
      </c>
      <c r="E110" s="2"/>
    </row>
    <row r="111" spans="1:5" s="3" customFormat="1" ht="33" customHeight="1" x14ac:dyDescent="0.25">
      <c r="A111" s="53" t="s">
        <v>11</v>
      </c>
      <c r="B111" s="54" t="s">
        <v>58</v>
      </c>
      <c r="C111" s="116"/>
      <c r="D111" s="117"/>
      <c r="E111" s="2"/>
    </row>
    <row r="112" spans="1:5" s="3" customFormat="1" ht="58.5" customHeight="1" x14ac:dyDescent="0.25">
      <c r="A112" s="53" t="s">
        <v>46</v>
      </c>
      <c r="B112" s="115" t="s">
        <v>51</v>
      </c>
      <c r="C112" s="116"/>
      <c r="D112" s="117"/>
      <c r="E112" s="2"/>
    </row>
    <row r="113" spans="1:5" s="3" customFormat="1" ht="45" customHeight="1" x14ac:dyDescent="0.25">
      <c r="A113" s="53" t="s">
        <v>47</v>
      </c>
      <c r="B113" s="35" t="s">
        <v>49</v>
      </c>
      <c r="C113" s="116"/>
      <c r="D113" s="117"/>
      <c r="E113" s="2"/>
    </row>
    <row r="114" spans="1:5" s="3" customFormat="1" ht="96.75" customHeight="1" x14ac:dyDescent="0.25">
      <c r="A114" s="105" t="s">
        <v>48</v>
      </c>
      <c r="B114" s="35" t="s">
        <v>59</v>
      </c>
      <c r="C114" s="116"/>
      <c r="D114" s="118"/>
      <c r="E114" s="2"/>
    </row>
    <row r="115" spans="1:5" s="3" customFormat="1" ht="33" customHeight="1" x14ac:dyDescent="0.25">
      <c r="A115" s="109" t="s">
        <v>135</v>
      </c>
      <c r="B115" s="111" t="s">
        <v>134</v>
      </c>
      <c r="C115" s="24"/>
      <c r="D115" s="114"/>
      <c r="E115" s="2"/>
    </row>
    <row r="116" spans="1:5" s="3" customFormat="1" ht="33" customHeight="1" x14ac:dyDescent="0.25">
      <c r="A116" s="110" t="s">
        <v>136</v>
      </c>
      <c r="B116" s="112" t="s">
        <v>129</v>
      </c>
      <c r="C116" s="120"/>
      <c r="D116" s="114"/>
      <c r="E116" s="2"/>
    </row>
    <row r="117" spans="1:5" s="3" customFormat="1" ht="33" customHeight="1" x14ac:dyDescent="0.25">
      <c r="A117" s="110" t="s">
        <v>137</v>
      </c>
      <c r="B117" s="112" t="s">
        <v>130</v>
      </c>
      <c r="C117" s="120"/>
      <c r="D117" s="114"/>
      <c r="E117" s="2"/>
    </row>
    <row r="118" spans="1:5" s="3" customFormat="1" ht="33" customHeight="1" x14ac:dyDescent="0.25">
      <c r="A118" s="110" t="s">
        <v>138</v>
      </c>
      <c r="B118" s="112" t="s">
        <v>131</v>
      </c>
      <c r="C118" s="30"/>
      <c r="D118" s="114"/>
      <c r="E118" s="2"/>
    </row>
    <row r="119" spans="1:5" s="3" customFormat="1" ht="33" customHeight="1" x14ac:dyDescent="0.25">
      <c r="A119" s="110" t="s">
        <v>139</v>
      </c>
      <c r="B119" s="112" t="s">
        <v>132</v>
      </c>
      <c r="C119" s="120"/>
      <c r="D119" s="114"/>
      <c r="E119" s="2"/>
    </row>
    <row r="120" spans="1:5" s="3" customFormat="1" ht="33" customHeight="1" x14ac:dyDescent="0.25">
      <c r="A120" s="110" t="s">
        <v>140</v>
      </c>
      <c r="B120" s="112" t="s">
        <v>133</v>
      </c>
      <c r="C120" s="120"/>
      <c r="D120" s="114"/>
      <c r="E120" s="2"/>
    </row>
    <row r="121" spans="1:5" s="3" customFormat="1" ht="33" customHeight="1" x14ac:dyDescent="0.25">
      <c r="A121" s="108" t="s">
        <v>141</v>
      </c>
      <c r="B121" s="113" t="s">
        <v>190</v>
      </c>
      <c r="C121" s="121"/>
      <c r="D121" s="114"/>
      <c r="E121" s="2"/>
    </row>
    <row r="122" spans="1:5" s="3" customFormat="1" ht="82.5" customHeight="1" thickBot="1" x14ac:dyDescent="0.3">
      <c r="A122" s="143" t="s">
        <v>142</v>
      </c>
      <c r="B122" s="144" t="s">
        <v>191</v>
      </c>
      <c r="C122" s="45"/>
      <c r="D122" s="106"/>
      <c r="E122" s="2"/>
    </row>
    <row r="123" spans="1:5" s="2" customFormat="1" ht="5.0999999999999996" customHeight="1" x14ac:dyDescent="0.25">
      <c r="A123" s="7"/>
      <c r="B123" s="5"/>
      <c r="C123" s="142"/>
      <c r="D123" s="7"/>
    </row>
    <row r="124" spans="1:5" s="2" customFormat="1" ht="20.100000000000001" customHeight="1" x14ac:dyDescent="0.25">
      <c r="A124" s="150" t="s">
        <v>10</v>
      </c>
      <c r="B124" s="150"/>
      <c r="C124" s="150"/>
      <c r="D124" s="150"/>
    </row>
    <row r="125" spans="1:5" s="3" customFormat="1" ht="30" customHeight="1" x14ac:dyDescent="0.25">
      <c r="A125" s="61" t="s">
        <v>12</v>
      </c>
      <c r="B125" s="173" t="s">
        <v>50</v>
      </c>
      <c r="C125" s="173"/>
      <c r="D125" s="173"/>
      <c r="E125" s="2"/>
    </row>
    <row r="126" spans="1:5" s="17" customFormat="1" ht="30" customHeight="1" x14ac:dyDescent="0.25">
      <c r="A126" s="61" t="s">
        <v>24</v>
      </c>
      <c r="B126" s="173" t="s">
        <v>25</v>
      </c>
      <c r="C126" s="173"/>
      <c r="D126" s="173"/>
      <c r="E126" s="2"/>
    </row>
    <row r="127" spans="1:5" s="17" customFormat="1" ht="30" customHeight="1" x14ac:dyDescent="0.25">
      <c r="A127" s="174" t="s">
        <v>26</v>
      </c>
      <c r="B127" s="174"/>
      <c r="C127" s="174"/>
      <c r="D127" s="174"/>
      <c r="E127" s="2"/>
    </row>
    <row r="128" spans="1:5" s="2" customFormat="1" ht="24.95" customHeight="1" x14ac:dyDescent="0.25">
      <c r="A128" s="62" t="s">
        <v>27</v>
      </c>
      <c r="B128" s="176"/>
      <c r="C128" s="176"/>
    </row>
    <row r="129" spans="1:5" s="2" customFormat="1" ht="24.95" customHeight="1" x14ac:dyDescent="0.25">
      <c r="A129" s="62" t="s">
        <v>28</v>
      </c>
      <c r="B129" s="176"/>
      <c r="C129" s="176"/>
    </row>
    <row r="130" spans="1:5" s="2" customFormat="1" ht="24.95" customHeight="1" x14ac:dyDescent="0.25">
      <c r="A130" s="62" t="s">
        <v>29</v>
      </c>
      <c r="B130" s="176"/>
      <c r="C130" s="176"/>
    </row>
    <row r="131" spans="1:5" s="3" customFormat="1" ht="24.95" customHeight="1" x14ac:dyDescent="0.25">
      <c r="A131" s="62" t="s">
        <v>30</v>
      </c>
      <c r="B131" s="176"/>
      <c r="C131" s="176"/>
      <c r="D131" s="2"/>
      <c r="E131" s="2"/>
    </row>
    <row r="132" spans="1:5" s="2" customFormat="1" ht="14.25" customHeight="1" x14ac:dyDescent="0.2">
      <c r="A132" s="57"/>
      <c r="B132" s="9"/>
      <c r="C132" s="9"/>
    </row>
    <row r="133" spans="1:5" s="3" customFormat="1" ht="15" customHeight="1" x14ac:dyDescent="0.25">
      <c r="A133" s="175" t="s">
        <v>31</v>
      </c>
      <c r="B133" s="175"/>
      <c r="C133" s="175"/>
      <c r="D133" s="175"/>
    </row>
    <row r="134" spans="1:5" s="2" customFormat="1" ht="36.75" customHeight="1" x14ac:dyDescent="0.25">
      <c r="A134" s="172" t="s">
        <v>41</v>
      </c>
      <c r="B134" s="172"/>
      <c r="C134" s="172"/>
      <c r="D134" s="172"/>
    </row>
    <row r="135" spans="1:5" s="2" customFormat="1" ht="20.100000000000001" customHeight="1" x14ac:dyDescent="0.2">
      <c r="A135" s="8"/>
      <c r="B135" s="1"/>
      <c r="C135" s="8"/>
      <c r="D135" s="8"/>
    </row>
    <row r="136" spans="1:5" s="3" customFormat="1" ht="4.5" customHeight="1" x14ac:dyDescent="0.2">
      <c r="A136" s="8"/>
      <c r="B136" s="1"/>
      <c r="C136" s="8"/>
      <c r="D136" s="8"/>
    </row>
    <row r="137" spans="1:5" s="3" customFormat="1" ht="20.100000000000001" customHeight="1" x14ac:dyDescent="0.25">
      <c r="A137" s="58" t="s">
        <v>32</v>
      </c>
      <c r="B137" s="18"/>
      <c r="C137" s="19" t="s">
        <v>33</v>
      </c>
      <c r="D137" s="32"/>
    </row>
    <row r="138" spans="1:5" s="3" customFormat="1" ht="20.100000000000001" customHeight="1" x14ac:dyDescent="0.25">
      <c r="A138" s="58"/>
      <c r="B138" s="18"/>
      <c r="C138" s="18"/>
      <c r="D138" s="20"/>
    </row>
    <row r="139" spans="1:5" ht="20.100000000000001" customHeight="1" x14ac:dyDescent="0.2">
      <c r="A139" s="58" t="s">
        <v>34</v>
      </c>
      <c r="B139" s="18"/>
      <c r="C139" s="21" t="s">
        <v>35</v>
      </c>
      <c r="D139" s="33"/>
    </row>
    <row r="140" spans="1:5" s="2" customFormat="1" ht="20.100000000000001" customHeight="1" x14ac:dyDescent="0.2">
      <c r="A140" s="8"/>
      <c r="B140" s="1"/>
      <c r="C140" s="21" t="s">
        <v>36</v>
      </c>
      <c r="D140" s="34"/>
    </row>
    <row r="141" spans="1:5" s="2" customFormat="1" ht="20.100000000000001" customHeight="1" x14ac:dyDescent="0.2">
      <c r="A141" s="8"/>
      <c r="B141" s="1"/>
      <c r="C141" s="22" t="s">
        <v>37</v>
      </c>
      <c r="D141" s="1"/>
    </row>
    <row r="142" spans="1:5" s="2" customFormat="1" ht="37.5" customHeight="1" x14ac:dyDescent="0.25">
      <c r="A142" s="6"/>
    </row>
    <row r="143" spans="1:5" s="2" customFormat="1" ht="24" customHeight="1" x14ac:dyDescent="0.25">
      <c r="A143" s="6"/>
    </row>
    <row r="144" spans="1:5" s="2" customFormat="1" ht="24" customHeight="1" x14ac:dyDescent="0.25">
      <c r="A144" s="6"/>
    </row>
    <row r="145" spans="1:4" s="2" customFormat="1" ht="24" customHeight="1" x14ac:dyDescent="0.25">
      <c r="A145" s="6"/>
    </row>
    <row r="146" spans="1:4" s="2" customFormat="1" ht="20.100000000000001" customHeight="1" x14ac:dyDescent="0.25">
      <c r="A146" s="6"/>
    </row>
    <row r="147" spans="1:4" s="2" customFormat="1" ht="20.100000000000001" customHeight="1" x14ac:dyDescent="0.25">
      <c r="A147" s="6"/>
    </row>
    <row r="148" spans="1:4" s="2" customFormat="1" ht="50.1" customHeight="1" x14ac:dyDescent="0.25">
      <c r="A148" s="6"/>
    </row>
    <row r="149" spans="1:4" s="2" customFormat="1" ht="43.5" customHeight="1" x14ac:dyDescent="0.25">
      <c r="A149" s="6"/>
    </row>
    <row r="150" spans="1:4" ht="24.75" customHeight="1" x14ac:dyDescent="0.2">
      <c r="A150" s="6"/>
      <c r="B150" s="2"/>
      <c r="C150" s="2"/>
      <c r="D150" s="2"/>
    </row>
    <row r="151" spans="1:4" x14ac:dyDescent="0.2">
      <c r="A151" s="6"/>
      <c r="B151" s="2"/>
      <c r="C151" s="2"/>
      <c r="D151" s="2"/>
    </row>
    <row r="152" spans="1:4" ht="20.100000000000001" customHeight="1" x14ac:dyDescent="0.2"/>
    <row r="153" spans="1:4" ht="4.5" customHeight="1" x14ac:dyDescent="0.2"/>
    <row r="154" spans="1:4" ht="20.100000000000001" customHeight="1" x14ac:dyDescent="0.2"/>
    <row r="155" spans="1:4" ht="20.100000000000001" customHeight="1" x14ac:dyDescent="0.2"/>
    <row r="156" spans="1:4" ht="20.100000000000001" customHeight="1" x14ac:dyDescent="0.2"/>
  </sheetData>
  <mergeCells count="46">
    <mergeCell ref="A107:D107"/>
    <mergeCell ref="A109:B110"/>
    <mergeCell ref="C109:D109"/>
    <mergeCell ref="A76:D76"/>
    <mergeCell ref="A78:B79"/>
    <mergeCell ref="C78:D78"/>
    <mergeCell ref="A134:D134"/>
    <mergeCell ref="A124:D124"/>
    <mergeCell ref="B125:D125"/>
    <mergeCell ref="B126:D126"/>
    <mergeCell ref="A127:D127"/>
    <mergeCell ref="A133:D133"/>
    <mergeCell ref="B128:C128"/>
    <mergeCell ref="B129:C129"/>
    <mergeCell ref="B130:C130"/>
    <mergeCell ref="B131:C131"/>
    <mergeCell ref="A7:E7"/>
    <mergeCell ref="A1:E1"/>
    <mergeCell ref="A2:E2"/>
    <mergeCell ref="A3:E3"/>
    <mergeCell ref="A8:D8"/>
    <mergeCell ref="B33:C33"/>
    <mergeCell ref="A11:D11"/>
    <mergeCell ref="A12:B12"/>
    <mergeCell ref="A13:B13"/>
    <mergeCell ref="A14:B14"/>
    <mergeCell ref="A18:C18"/>
    <mergeCell ref="A21:E21"/>
    <mergeCell ref="A15:B15"/>
    <mergeCell ref="B31:C31"/>
    <mergeCell ref="A9:E9"/>
    <mergeCell ref="A61:D61"/>
    <mergeCell ref="A63:D63"/>
    <mergeCell ref="A42:D42"/>
    <mergeCell ref="A19:C19"/>
    <mergeCell ref="A38:E38"/>
    <mergeCell ref="A35:B35"/>
    <mergeCell ref="A25:B25"/>
    <mergeCell ref="A20:E20"/>
    <mergeCell ref="A28:B28"/>
    <mergeCell ref="A24:D24"/>
    <mergeCell ref="A22:C22"/>
    <mergeCell ref="A23:E23"/>
    <mergeCell ref="A29:E29"/>
    <mergeCell ref="A40:B41"/>
    <mergeCell ref="C40:D40"/>
  </mergeCells>
  <conditionalFormatting sqref="B4:B5 B31:B33 B43:C60 B62:C62 B64:C74 C80:C105 C111:C122">
    <cfRule type="containsBlanks" dxfId="4" priority="160">
      <formula>LEN(TRIM(B4))=0</formula>
    </cfRule>
  </conditionalFormatting>
  <conditionalFormatting sqref="B137">
    <cfRule type="containsBlanks" dxfId="3" priority="162">
      <formula>LEN(TRIM(B137))=0</formula>
    </cfRule>
  </conditionalFormatting>
  <conditionalFormatting sqref="B139">
    <cfRule type="containsBlanks" dxfId="2" priority="161">
      <formula>LEN(TRIM(B139))=0</formula>
    </cfRule>
  </conditionalFormatting>
  <conditionalFormatting sqref="B128:C131">
    <cfRule type="containsBlanks" dxfId="1" priority="87">
      <formula>LEN(TRIM(B128))=0</formula>
    </cfRule>
  </conditionalFormatting>
  <conditionalFormatting sqref="D139:D140">
    <cfRule type="containsBlanks" dxfId="0" priority="163">
      <formula>LEN(TRIM(D139))=0</formula>
    </cfRule>
  </conditionalFormatting>
  <printOptions horizontalCentered="1"/>
  <pageMargins left="0.70866141732283472" right="0.70866141732283472" top="0.90625" bottom="0.74803149606299213" header="0.31496062992125984" footer="0.31496062992125984"/>
  <pageSetup paperSize="9" scale="5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5</xdr:row>
                    <xdr:rowOff>0</xdr:rowOff>
                  </from>
                  <to>
                    <xdr:col>1</xdr:col>
                    <xdr:colOff>38100</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6</xdr:row>
                    <xdr:rowOff>9525</xdr:rowOff>
                  </from>
                  <to>
                    <xdr:col>1</xdr:col>
                    <xdr:colOff>38100</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5</xdr:row>
                    <xdr:rowOff>9525</xdr:rowOff>
                  </from>
                  <to>
                    <xdr:col>1</xdr:col>
                    <xdr:colOff>38100</xdr:colOff>
                    <xdr:row>35</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6</xdr:row>
                    <xdr:rowOff>0</xdr:rowOff>
                  </from>
                  <to>
                    <xdr:col>1</xdr:col>
                    <xdr:colOff>38100</xdr:colOff>
                    <xdr:row>3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5-09-17T06:57:45Z</cp:lastPrinted>
  <dcterms:created xsi:type="dcterms:W3CDTF">2017-04-21T05:51:15Z</dcterms:created>
  <dcterms:modified xsi:type="dcterms:W3CDTF">2025-09-17T11:24:54Z</dcterms:modified>
</cp:coreProperties>
</file>